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99" r:id="rId2"/>
    <p:sldId id="315" r:id="rId3"/>
    <p:sldId id="321" r:id="rId4"/>
    <p:sldId id="322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0000E1"/>
    <a:srgbClr val="B8D6E3"/>
    <a:srgbClr val="FFF2CC"/>
    <a:srgbClr val="C2DCE7"/>
    <a:srgbClr val="DFE8EF"/>
    <a:srgbClr val="D4E3ED"/>
    <a:srgbClr val="E9F0F3"/>
    <a:srgbClr val="C3DCE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无样式，网格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2158" autoAdjust="0"/>
    <p:restoredTop sz="95628" autoAdjust="0"/>
  </p:normalViewPr>
  <p:slideViewPr>
    <p:cSldViewPr snapToGrid="0" showGuides="1">
      <p:cViewPr varScale="1">
        <p:scale>
          <a:sx n="72" d="100"/>
          <a:sy n="72" d="100"/>
        </p:scale>
        <p:origin x="1224" y="54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65321259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lnSpc>
                <a:spcPts val="4400"/>
              </a:lnSpc>
            </a:pPr>
            <a:r>
              <a:rPr lang="zh-CN" altLang="en-US" dirty="0"/>
              <a:t>要求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畫出該長方體的摺紙圖樣</a:t>
            </a:r>
            <a:r>
              <a:rPr lang="zh-CN" altLang="en-US" dirty="0"/>
              <a:t>。</a:t>
            </a:r>
            <a:endParaRPr lang="en-US" altLang="zh-CN" dirty="0"/>
          </a:p>
          <a:p>
            <a:pPr>
              <a:lnSpc>
                <a:spcPts val="4400"/>
              </a:lnSpc>
            </a:pPr>
            <a:r>
              <a:rPr lang="zh-CN" altLang="en-US" dirty="0"/>
              <a:t>已知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長方體紙盒</a:t>
            </a:r>
            <a:r>
              <a:rPr lang="zh-CN" altLang="en-US" sz="1200" dirty="0">
                <a:solidFill>
                  <a:srgbClr val="0000E1"/>
                </a:solidFill>
                <a:ea typeface="DFKai-SB" panose="03000509000000000000" pitchFamily="65" charset="-120"/>
              </a:rPr>
              <a:t>。</a:t>
            </a:r>
            <a:endParaRPr lang="en-US" altLang="zh-CN" dirty="0"/>
          </a:p>
          <a:p>
            <a:r>
              <a:rPr lang="zh-CN" altLang="en-US" dirty="0"/>
              <a:t>步驟：</a:t>
            </a:r>
            <a:endParaRPr lang="en-US" altLang="zh-CN" dirty="0"/>
          </a:p>
          <a:p>
            <a:pPr>
              <a:lnSpc>
                <a:spcPts val="3600"/>
              </a:lnSpc>
            </a:pPr>
            <a:r>
              <a:rPr lang="zh-CN" altLang="en-US" dirty="0"/>
              <a:t>①</a:t>
            </a: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先把長方體相對的兩個面分別塗上相同的顏色</a:t>
            </a:r>
            <a:r>
              <a:rPr lang="zh-CN" altLang="en-US" dirty="0"/>
              <a:t>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②再</a:t>
            </a: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剪開</a:t>
            </a:r>
            <a:r>
              <a:rPr lang="zh-CN" altLang="en-US" dirty="0"/>
              <a:t>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③</a:t>
            </a: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最後畫出該長方體的摺紙圖樣</a:t>
            </a:r>
            <a:r>
              <a:rPr lang="zh-CN" altLang="en-US" dirty="0"/>
              <a:t>。</a:t>
            </a:r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63122559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28204567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19549154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5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260787" y="68052"/>
            <a:ext cx="2915729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下</a:t>
            </a:r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學期 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microsoft.com/office/2007/relationships/hdphoto" Target="../media/hdphoto1.wdp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5" Type="http://schemas.microsoft.com/office/2007/relationships/hdphoto" Target="../media/hdphoto2.wdp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microsoft.com/office/2007/relationships/hdphoto" Target="../media/hdphoto2.wdp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椭圆 28">
            <a:extLst>
              <a:ext uri="{FF2B5EF4-FFF2-40B4-BE49-F238E27FC236}">
                <a16:creationId xmlns:a16="http://schemas.microsoft.com/office/drawing/2014/main" id="{A65054A3-ECE0-450B-9BF3-25E306ED1572}"/>
              </a:ext>
            </a:extLst>
          </p:cNvPr>
          <p:cNvSpPr/>
          <p:nvPr/>
        </p:nvSpPr>
        <p:spPr>
          <a:xfrm>
            <a:off x="961936" y="4734056"/>
            <a:ext cx="353963" cy="339215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2800">
              <a:solidFill>
                <a:schemeClr val="tx1">
                  <a:lumMod val="95000"/>
                  <a:lumOff val="5000"/>
                </a:schemeClr>
              </a:solidFill>
            </a:endParaRPr>
          </a:p>
        </p:txBody>
      </p:sp>
      <p:sp>
        <p:nvSpPr>
          <p:cNvPr id="102" name="矩形 101">
            <a:extLst>
              <a:ext uri="{FF2B5EF4-FFF2-40B4-BE49-F238E27FC236}">
                <a16:creationId xmlns:a16="http://schemas.microsoft.com/office/drawing/2014/main" id="{39225910-C37C-482F-8DCF-11CDA7C5D9FB}"/>
              </a:ext>
            </a:extLst>
          </p:cNvPr>
          <p:cNvSpPr/>
          <p:nvPr/>
        </p:nvSpPr>
        <p:spPr>
          <a:xfrm>
            <a:off x="6907507" y="3024972"/>
            <a:ext cx="1539386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3" name="矩形 102">
            <a:extLst>
              <a:ext uri="{FF2B5EF4-FFF2-40B4-BE49-F238E27FC236}">
                <a16:creationId xmlns:a16="http://schemas.microsoft.com/office/drawing/2014/main" id="{4D1280E8-D5AA-41D9-9C19-EB2BA999703C}"/>
              </a:ext>
            </a:extLst>
          </p:cNvPr>
          <p:cNvSpPr/>
          <p:nvPr/>
        </p:nvSpPr>
        <p:spPr>
          <a:xfrm>
            <a:off x="851942" y="3561643"/>
            <a:ext cx="1815058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8" name="文本框 57">
            <a:extLst>
              <a:ext uri="{FF2B5EF4-FFF2-40B4-BE49-F238E27FC236}">
                <a16:creationId xmlns:a16="http://schemas.microsoft.com/office/drawing/2014/main" id="{6EBB4375-16D6-4D85-AFC5-29E7686693F9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6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80ABF49C-8FF0-433A-841D-812108454370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  <a14:imgEffect>
                      <a14:saturation sat="200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621635" y="1023897"/>
            <a:ext cx="4305732" cy="1728252"/>
          </a:xfrm>
          <a:prstGeom prst="rect">
            <a:avLst/>
          </a:prstGeom>
        </p:spPr>
      </p:pic>
      <p:sp>
        <p:nvSpPr>
          <p:cNvPr id="59" name="Text Box 50">
            <a:extLst>
              <a:ext uri="{FF2B5EF4-FFF2-40B4-BE49-F238E27FC236}">
                <a16:creationId xmlns:a16="http://schemas.microsoft.com/office/drawing/2014/main" id="{BE121F99-CDDD-4856-B456-9255900AFAE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82586" y="2664945"/>
            <a:ext cx="983830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000" dirty="0"/>
              <a:t>64cm</a:t>
            </a:r>
          </a:p>
        </p:txBody>
      </p:sp>
      <p:sp>
        <p:nvSpPr>
          <p:cNvPr id="60" name="Text Box 50">
            <a:extLst>
              <a:ext uri="{FF2B5EF4-FFF2-40B4-BE49-F238E27FC236}">
                <a16:creationId xmlns:a16="http://schemas.microsoft.com/office/drawing/2014/main" id="{694E7E40-3F56-431F-8A67-E58D70B2273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652383" y="1749507"/>
            <a:ext cx="983830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000" dirty="0"/>
              <a:t>24cm</a:t>
            </a:r>
          </a:p>
        </p:txBody>
      </p:sp>
      <p:grpSp>
        <p:nvGrpSpPr>
          <p:cNvPr id="74" name="组合 73">
            <a:extLst>
              <a:ext uri="{FF2B5EF4-FFF2-40B4-BE49-F238E27FC236}">
                <a16:creationId xmlns:a16="http://schemas.microsoft.com/office/drawing/2014/main" id="{132AFAB6-23BC-4094-BAF4-EFC46DA895F0}"/>
              </a:ext>
            </a:extLst>
          </p:cNvPr>
          <p:cNvGrpSpPr/>
          <p:nvPr/>
        </p:nvGrpSpPr>
        <p:grpSpPr>
          <a:xfrm>
            <a:off x="416197" y="2896077"/>
            <a:ext cx="8281236" cy="2303066"/>
            <a:chOff x="416197" y="838026"/>
            <a:chExt cx="8281236" cy="2303066"/>
          </a:xfrm>
        </p:grpSpPr>
        <p:sp>
          <p:nvSpPr>
            <p:cNvPr id="94" name="文本框 93">
              <a:extLst>
                <a:ext uri="{FF2B5EF4-FFF2-40B4-BE49-F238E27FC236}">
                  <a16:creationId xmlns:a16="http://schemas.microsoft.com/office/drawing/2014/main" id="{FF96CD99-5A1A-4A52-BED6-38C662AA60E5}"/>
                </a:ext>
              </a:extLst>
            </p:cNvPr>
            <p:cNvSpPr txBox="1"/>
            <p:nvPr/>
          </p:nvSpPr>
          <p:spPr>
            <a:xfrm>
              <a:off x="416197" y="838026"/>
              <a:ext cx="8281236" cy="230306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4400"/>
                </a:lnSpc>
              </a:pPr>
              <a:r>
                <a:rPr lang="en-US" altLang="zh-CN" sz="2800" b="1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     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上圖中長方形內所有圓的大小都相同。每個圓的 </a:t>
              </a:r>
              <a:endPara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endParaRPr>
            </a:p>
            <a:p>
              <a:pPr>
                <a:lnSpc>
                  <a:spcPts val="4400"/>
                </a:lnSpc>
              </a:pP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     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半徑是多少？</a:t>
              </a:r>
              <a:endPara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endParaRPr>
            </a:p>
            <a:p>
              <a:pPr indent="539735">
                <a:lnSpc>
                  <a:spcPts val="4400"/>
                </a:lnSpc>
              </a:pP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    A. 16cm                                 B. 12cm</a:t>
              </a:r>
            </a:p>
            <a:p>
              <a:pPr indent="539735">
                <a:lnSpc>
                  <a:spcPts val="4400"/>
                </a:lnSpc>
              </a:pP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    C. 8cm                                    D. 6cm  </a:t>
              </a:r>
            </a:p>
          </p:txBody>
        </p:sp>
        <p:sp>
          <p:nvSpPr>
            <p:cNvPr id="96" name="椭圆 95">
              <a:extLst>
                <a:ext uri="{FF2B5EF4-FFF2-40B4-BE49-F238E27FC236}">
                  <a16:creationId xmlns:a16="http://schemas.microsoft.com/office/drawing/2014/main" id="{AEDECEB7-7F88-4181-9325-9040098DCF7D}"/>
                </a:ext>
              </a:extLst>
            </p:cNvPr>
            <p:cNvSpPr/>
            <p:nvPr/>
          </p:nvSpPr>
          <p:spPr>
            <a:xfrm>
              <a:off x="4785280" y="2670852"/>
              <a:ext cx="353963" cy="339215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  <p:sp>
          <p:nvSpPr>
            <p:cNvPr id="97" name="椭圆 96">
              <a:extLst>
                <a:ext uri="{FF2B5EF4-FFF2-40B4-BE49-F238E27FC236}">
                  <a16:creationId xmlns:a16="http://schemas.microsoft.com/office/drawing/2014/main" id="{70ECD055-FA69-48DE-9FAA-163B891C2A8B}"/>
                </a:ext>
              </a:extLst>
            </p:cNvPr>
            <p:cNvSpPr/>
            <p:nvPr/>
          </p:nvSpPr>
          <p:spPr>
            <a:xfrm>
              <a:off x="4785280" y="2148128"/>
              <a:ext cx="353963" cy="339215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  <p:sp>
          <p:nvSpPr>
            <p:cNvPr id="98" name="椭圆 97">
              <a:extLst>
                <a:ext uri="{FF2B5EF4-FFF2-40B4-BE49-F238E27FC236}">
                  <a16:creationId xmlns:a16="http://schemas.microsoft.com/office/drawing/2014/main" id="{02B062AA-4AA4-434B-B086-797BCC3AF3E2}"/>
                </a:ext>
              </a:extLst>
            </p:cNvPr>
            <p:cNvSpPr/>
            <p:nvPr/>
          </p:nvSpPr>
          <p:spPr>
            <a:xfrm>
              <a:off x="961936" y="2111632"/>
              <a:ext cx="353963" cy="339215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  <p:sp>
          <p:nvSpPr>
            <p:cNvPr id="99" name="椭圆 98">
              <a:extLst>
                <a:ext uri="{FF2B5EF4-FFF2-40B4-BE49-F238E27FC236}">
                  <a16:creationId xmlns:a16="http://schemas.microsoft.com/office/drawing/2014/main" id="{B9E49F47-AD11-44F4-88CE-E27DF650B2E5}"/>
                </a:ext>
              </a:extLst>
            </p:cNvPr>
            <p:cNvSpPr/>
            <p:nvPr/>
          </p:nvSpPr>
          <p:spPr>
            <a:xfrm>
              <a:off x="970396" y="2668902"/>
              <a:ext cx="353963" cy="339215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</p:grpSp>
      <p:sp>
        <p:nvSpPr>
          <p:cNvPr id="2" name="矩形 1">
            <a:extLst>
              <a:ext uri="{FF2B5EF4-FFF2-40B4-BE49-F238E27FC236}">
                <a16:creationId xmlns:a16="http://schemas.microsoft.com/office/drawing/2014/main" id="{DD6C9AF2-2E23-415A-A756-D011FD21EB4F}"/>
              </a:ext>
            </a:extLst>
          </p:cNvPr>
          <p:cNvSpPr/>
          <p:nvPr/>
        </p:nvSpPr>
        <p:spPr>
          <a:xfrm>
            <a:off x="5900208" y="1749507"/>
            <a:ext cx="708846" cy="36576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8" name="任意多边形: 形状 17">
            <a:extLst>
              <a:ext uri="{FF2B5EF4-FFF2-40B4-BE49-F238E27FC236}">
                <a16:creationId xmlns:a16="http://schemas.microsoft.com/office/drawing/2014/main" id="{B78D4378-604F-46AD-AFFD-3BF2EF71A2EA}"/>
              </a:ext>
            </a:extLst>
          </p:cNvPr>
          <p:cNvSpPr/>
          <p:nvPr/>
        </p:nvSpPr>
        <p:spPr>
          <a:xfrm>
            <a:off x="4769667" y="2062971"/>
            <a:ext cx="0" cy="548640"/>
          </a:xfrm>
          <a:custGeom>
            <a:avLst/>
            <a:gdLst>
              <a:gd name="connsiteX0" fmla="*/ 0 w 0"/>
              <a:gd name="connsiteY0" fmla="*/ 0 h 1032095"/>
              <a:gd name="connsiteX1" fmla="*/ 0 w 0"/>
              <a:gd name="connsiteY1" fmla="*/ 1032095 h 103209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1032095">
                <a:moveTo>
                  <a:pt x="0" y="0"/>
                </a:moveTo>
                <a:lnTo>
                  <a:pt x="0" y="1032095"/>
                </a:lnTo>
              </a:path>
            </a:pathLst>
          </a:cu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Text Box 9">
            <a:extLst>
              <a:ext uri="{FF2B5EF4-FFF2-40B4-BE49-F238E27FC236}">
                <a16:creationId xmlns:a16="http://schemas.microsoft.com/office/drawing/2014/main" id="{A86D6DB7-ACEC-4D49-B1CE-9131B79246B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958428" y="602823"/>
            <a:ext cx="4305722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無法確定半徑與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24cm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關係。</a:t>
            </a:r>
            <a:endParaRPr lang="en-US" altLang="zh-CN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20" name="矩形 19">
            <a:extLst>
              <a:ext uri="{FF2B5EF4-FFF2-40B4-BE49-F238E27FC236}">
                <a16:creationId xmlns:a16="http://schemas.microsoft.com/office/drawing/2014/main" id="{E01FB3DD-CA22-471C-93C7-E67ADA7AA3AB}"/>
              </a:ext>
            </a:extLst>
          </p:cNvPr>
          <p:cNvSpPr/>
          <p:nvPr/>
        </p:nvSpPr>
        <p:spPr>
          <a:xfrm>
            <a:off x="3510608" y="2704144"/>
            <a:ext cx="708846" cy="320828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21" name="直接连接符 20">
            <a:extLst>
              <a:ext uri="{FF2B5EF4-FFF2-40B4-BE49-F238E27FC236}">
                <a16:creationId xmlns:a16="http://schemas.microsoft.com/office/drawing/2014/main" id="{559514B9-2B0F-42C5-A379-19A6C263142B}"/>
              </a:ext>
            </a:extLst>
          </p:cNvPr>
          <p:cNvCxnSpPr>
            <a:cxnSpLocks/>
          </p:cNvCxnSpPr>
          <p:nvPr/>
        </p:nvCxnSpPr>
        <p:spPr>
          <a:xfrm>
            <a:off x="1654696" y="2094414"/>
            <a:ext cx="1036800" cy="0"/>
          </a:xfrm>
          <a:prstGeom prst="line">
            <a:avLst/>
          </a:prstGeom>
          <a:ln w="38100">
            <a:solidFill>
              <a:srgbClr val="0000E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直接连接符 21">
            <a:extLst>
              <a:ext uri="{FF2B5EF4-FFF2-40B4-BE49-F238E27FC236}">
                <a16:creationId xmlns:a16="http://schemas.microsoft.com/office/drawing/2014/main" id="{7521C8B8-9DFB-4A6F-8526-F1A3EE091C8E}"/>
              </a:ext>
            </a:extLst>
          </p:cNvPr>
          <p:cNvCxnSpPr>
            <a:cxnSpLocks/>
          </p:cNvCxnSpPr>
          <p:nvPr/>
        </p:nvCxnSpPr>
        <p:spPr>
          <a:xfrm>
            <a:off x="2686050" y="2094414"/>
            <a:ext cx="1036800" cy="0"/>
          </a:xfrm>
          <a:prstGeom prst="line">
            <a:avLst/>
          </a:prstGeom>
          <a:ln w="3810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直接连接符 22">
            <a:extLst>
              <a:ext uri="{FF2B5EF4-FFF2-40B4-BE49-F238E27FC236}">
                <a16:creationId xmlns:a16="http://schemas.microsoft.com/office/drawing/2014/main" id="{C69B6788-1D16-418A-A30F-EC973645D7CA}"/>
              </a:ext>
            </a:extLst>
          </p:cNvPr>
          <p:cNvCxnSpPr>
            <a:cxnSpLocks/>
          </p:cNvCxnSpPr>
          <p:nvPr/>
        </p:nvCxnSpPr>
        <p:spPr>
          <a:xfrm>
            <a:off x="3732571" y="2093328"/>
            <a:ext cx="1036800" cy="0"/>
          </a:xfrm>
          <a:prstGeom prst="line">
            <a:avLst/>
          </a:prstGeom>
          <a:ln w="38100">
            <a:solidFill>
              <a:srgbClr val="0000E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直接连接符 23">
            <a:extLst>
              <a:ext uri="{FF2B5EF4-FFF2-40B4-BE49-F238E27FC236}">
                <a16:creationId xmlns:a16="http://schemas.microsoft.com/office/drawing/2014/main" id="{5C93C96E-BBEA-4F9D-86E9-EF18498084D2}"/>
              </a:ext>
            </a:extLst>
          </p:cNvPr>
          <p:cNvCxnSpPr>
            <a:cxnSpLocks/>
          </p:cNvCxnSpPr>
          <p:nvPr/>
        </p:nvCxnSpPr>
        <p:spPr>
          <a:xfrm>
            <a:off x="4763925" y="2093328"/>
            <a:ext cx="1036800" cy="0"/>
          </a:xfrm>
          <a:prstGeom prst="line">
            <a:avLst/>
          </a:prstGeom>
          <a:ln w="3810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5" name="Text Box 9">
            <a:extLst>
              <a:ext uri="{FF2B5EF4-FFF2-40B4-BE49-F238E27FC236}">
                <a16:creationId xmlns:a16="http://schemas.microsoft.com/office/drawing/2014/main" id="{559C5C74-F046-45A8-A320-88D36FBD83D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98476" y="5068118"/>
            <a:ext cx="3745037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條直徑的總長度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64cm</a:t>
            </a:r>
            <a:endParaRPr lang="en-US" altLang="zh-CN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26" name="Text Box 9">
            <a:extLst>
              <a:ext uri="{FF2B5EF4-FFF2-40B4-BE49-F238E27FC236}">
                <a16:creationId xmlns:a16="http://schemas.microsoft.com/office/drawing/2014/main" id="{AD2B0DA5-24EE-4C40-A6EE-8544179B32A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71316" y="5489492"/>
            <a:ext cx="4628891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每個圓的直徑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64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  <a:sym typeface="Symbol" panose="05050102010706020507" pitchFamily="18" charset="2"/>
              </a:rPr>
              <a:t>2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16(cm)</a:t>
            </a:r>
            <a:endParaRPr lang="en-US" altLang="zh-CN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27" name="Text Box 9">
            <a:extLst>
              <a:ext uri="{FF2B5EF4-FFF2-40B4-BE49-F238E27FC236}">
                <a16:creationId xmlns:a16="http://schemas.microsoft.com/office/drawing/2014/main" id="{1B897EC7-2BF1-4CCF-A5FB-91C21BCD4A8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71317" y="5943810"/>
            <a:ext cx="4628891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每個圓的半徑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16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  <a:sym typeface="Symbol" panose="05050102010706020507" pitchFamily="18" charset="2"/>
              </a:rPr>
              <a:t>2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8(cm)</a:t>
            </a:r>
            <a:endParaRPr lang="en-US" altLang="zh-CN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4" name="任意多边形: 形状 3">
            <a:extLst>
              <a:ext uri="{FF2B5EF4-FFF2-40B4-BE49-F238E27FC236}">
                <a16:creationId xmlns:a16="http://schemas.microsoft.com/office/drawing/2014/main" id="{D6CA2100-E2D7-4D20-BB53-8AD364E330D2}"/>
              </a:ext>
            </a:extLst>
          </p:cNvPr>
          <p:cNvSpPr/>
          <p:nvPr/>
        </p:nvSpPr>
        <p:spPr>
          <a:xfrm>
            <a:off x="4768795" y="1064488"/>
            <a:ext cx="0" cy="1032095"/>
          </a:xfrm>
          <a:custGeom>
            <a:avLst/>
            <a:gdLst>
              <a:gd name="connsiteX0" fmla="*/ 0 w 0"/>
              <a:gd name="connsiteY0" fmla="*/ 0 h 1032095"/>
              <a:gd name="connsiteX1" fmla="*/ 0 w 0"/>
              <a:gd name="connsiteY1" fmla="*/ 1032095 h 103209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1032095">
                <a:moveTo>
                  <a:pt x="0" y="0"/>
                </a:moveTo>
                <a:lnTo>
                  <a:pt x="0" y="1032095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382837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500"/>
                            </p:stCondLst>
                            <p:childTnLst>
                              <p:par>
                                <p:cTn id="2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1000"/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500"/>
                            </p:stCondLst>
                            <p:childTnLst>
                              <p:par>
                                <p:cTn id="4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2500"/>
                            </p:stCondLst>
                            <p:childTnLst>
                              <p:par>
                                <p:cTn id="5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3500"/>
                            </p:stCondLst>
                            <p:childTnLst>
                              <p:par>
                                <p:cTn id="5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1000"/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10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000"/>
                            </p:stCondLst>
                            <p:childTnLst>
                              <p:par>
                                <p:cTn id="7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10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  <p:bldP spid="102" grpId="0" animBg="1"/>
      <p:bldP spid="103" grpId="0" animBg="1"/>
      <p:bldP spid="2" grpId="0" animBg="1"/>
      <p:bldP spid="2" grpId="1" animBg="1"/>
      <p:bldP spid="18" grpId="0" animBg="1"/>
      <p:bldP spid="18" grpId="1" animBg="1"/>
      <p:bldP spid="19" grpId="0" build="allAtOnce"/>
      <p:bldP spid="20" grpId="0" animBg="1"/>
      <p:bldP spid="20" grpId="1" animBg="1"/>
      <p:bldP spid="25" grpId="0" build="allAtOnce"/>
      <p:bldP spid="26" grpId="0" build="allAtOnce"/>
      <p:bldP spid="27" grpId="0" build="allAtOnce"/>
      <p:bldP spid="4" grpId="0" animBg="1"/>
      <p:bldP spid="4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矩形 51">
            <a:extLst>
              <a:ext uri="{FF2B5EF4-FFF2-40B4-BE49-F238E27FC236}">
                <a16:creationId xmlns:a16="http://schemas.microsoft.com/office/drawing/2014/main" id="{4A91AC1C-5147-421E-BE8A-49204A237E34}"/>
              </a:ext>
            </a:extLst>
          </p:cNvPr>
          <p:cNvSpPr/>
          <p:nvPr/>
        </p:nvSpPr>
        <p:spPr>
          <a:xfrm>
            <a:off x="936961" y="979795"/>
            <a:ext cx="7817425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3" name="矩形 52">
            <a:extLst>
              <a:ext uri="{FF2B5EF4-FFF2-40B4-BE49-F238E27FC236}">
                <a16:creationId xmlns:a16="http://schemas.microsoft.com/office/drawing/2014/main" id="{30718558-CC29-4C45-BD03-EA1C82EF51F1}"/>
              </a:ext>
            </a:extLst>
          </p:cNvPr>
          <p:cNvSpPr/>
          <p:nvPr/>
        </p:nvSpPr>
        <p:spPr>
          <a:xfrm>
            <a:off x="936961" y="1510558"/>
            <a:ext cx="1917558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27" name="图片 26">
            <a:extLst>
              <a:ext uri="{FF2B5EF4-FFF2-40B4-BE49-F238E27FC236}">
                <a16:creationId xmlns:a16="http://schemas.microsoft.com/office/drawing/2014/main" id="{130B2E4C-3AD2-4652-A516-399FF52EF3E3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668183" y="1829248"/>
            <a:ext cx="5171786" cy="3435843"/>
          </a:xfrm>
          <a:prstGeom prst="rect">
            <a:avLst/>
          </a:prstGeom>
          <a:ln w="19050">
            <a:noFill/>
          </a:ln>
        </p:spPr>
      </p:pic>
      <p:sp>
        <p:nvSpPr>
          <p:cNvPr id="78" name="矩形 77">
            <a:extLst>
              <a:ext uri="{FF2B5EF4-FFF2-40B4-BE49-F238E27FC236}">
                <a16:creationId xmlns:a16="http://schemas.microsoft.com/office/drawing/2014/main" id="{6280465D-68D4-410A-947F-A016DC712F3A}"/>
              </a:ext>
            </a:extLst>
          </p:cNvPr>
          <p:cNvSpPr/>
          <p:nvPr/>
        </p:nvSpPr>
        <p:spPr>
          <a:xfrm>
            <a:off x="1421312" y="2280283"/>
            <a:ext cx="781200" cy="514800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79" name="矩形 78">
            <a:extLst>
              <a:ext uri="{FF2B5EF4-FFF2-40B4-BE49-F238E27FC236}">
                <a16:creationId xmlns:a16="http://schemas.microsoft.com/office/drawing/2014/main" id="{E4F76A61-00F0-466F-8CE5-233671DB2A7D}"/>
              </a:ext>
            </a:extLst>
          </p:cNvPr>
          <p:cNvSpPr/>
          <p:nvPr/>
        </p:nvSpPr>
        <p:spPr>
          <a:xfrm>
            <a:off x="1421678" y="3832405"/>
            <a:ext cx="784523" cy="514800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80" name="矩形 79">
            <a:extLst>
              <a:ext uri="{FF2B5EF4-FFF2-40B4-BE49-F238E27FC236}">
                <a16:creationId xmlns:a16="http://schemas.microsoft.com/office/drawing/2014/main" id="{859D1516-B484-4D88-B224-D88547E5260E}"/>
              </a:ext>
            </a:extLst>
          </p:cNvPr>
          <p:cNvSpPr/>
          <p:nvPr/>
        </p:nvSpPr>
        <p:spPr>
          <a:xfrm rot="16200000">
            <a:off x="642826" y="3063883"/>
            <a:ext cx="1044000" cy="51480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81" name="矩形 80">
            <a:extLst>
              <a:ext uri="{FF2B5EF4-FFF2-40B4-BE49-F238E27FC236}">
                <a16:creationId xmlns:a16="http://schemas.microsoft.com/office/drawing/2014/main" id="{C2E796A3-2A30-410F-A0F1-36E65B17E55D}"/>
              </a:ext>
            </a:extLst>
          </p:cNvPr>
          <p:cNvSpPr/>
          <p:nvPr/>
        </p:nvSpPr>
        <p:spPr>
          <a:xfrm>
            <a:off x="1424571" y="2796895"/>
            <a:ext cx="781200" cy="104400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grpSp>
        <p:nvGrpSpPr>
          <p:cNvPr id="82" name="组合 81">
            <a:extLst>
              <a:ext uri="{FF2B5EF4-FFF2-40B4-BE49-F238E27FC236}">
                <a16:creationId xmlns:a16="http://schemas.microsoft.com/office/drawing/2014/main" id="{F7B3695C-6DDF-4A41-930D-398A1EE277CC}"/>
              </a:ext>
            </a:extLst>
          </p:cNvPr>
          <p:cNvGrpSpPr/>
          <p:nvPr/>
        </p:nvGrpSpPr>
        <p:grpSpPr>
          <a:xfrm>
            <a:off x="2205603" y="2795083"/>
            <a:ext cx="1295223" cy="1044000"/>
            <a:chOff x="6472301" y="2849270"/>
            <a:chExt cx="1295223" cy="1044000"/>
          </a:xfrm>
        </p:grpSpPr>
        <p:sp>
          <p:nvSpPr>
            <p:cNvPr id="83" name="矩形 82">
              <a:extLst>
                <a:ext uri="{FF2B5EF4-FFF2-40B4-BE49-F238E27FC236}">
                  <a16:creationId xmlns:a16="http://schemas.microsoft.com/office/drawing/2014/main" id="{EE08CFDD-A3D2-4151-A4D1-99ABB81D7C45}"/>
                </a:ext>
              </a:extLst>
            </p:cNvPr>
            <p:cNvSpPr/>
            <p:nvPr/>
          </p:nvSpPr>
          <p:spPr>
            <a:xfrm rot="16200000">
              <a:off x="6207701" y="3113870"/>
              <a:ext cx="1044000" cy="514800"/>
            </a:xfrm>
            <a:prstGeom prst="rect">
              <a:avLst/>
            </a:prstGeom>
            <a:solidFill>
              <a:schemeClr val="accent6">
                <a:lumMod val="40000"/>
                <a:lumOff val="6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84" name="矩形 83">
              <a:extLst>
                <a:ext uri="{FF2B5EF4-FFF2-40B4-BE49-F238E27FC236}">
                  <a16:creationId xmlns:a16="http://schemas.microsoft.com/office/drawing/2014/main" id="{D34F3672-D0FC-42E1-9C01-223A6A1C71A5}"/>
                </a:ext>
              </a:extLst>
            </p:cNvPr>
            <p:cNvSpPr/>
            <p:nvPr/>
          </p:nvSpPr>
          <p:spPr>
            <a:xfrm>
              <a:off x="6986324" y="2849270"/>
              <a:ext cx="781200" cy="1044000"/>
            </a:xfrm>
            <a:prstGeom prst="rect">
              <a:avLst/>
            </a:prstGeom>
            <a:solidFill>
              <a:schemeClr val="accent4">
                <a:lumMod val="20000"/>
                <a:lumOff val="8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</p:grpSp>
      <p:grpSp>
        <p:nvGrpSpPr>
          <p:cNvPr id="85" name="组合 84">
            <a:extLst>
              <a:ext uri="{FF2B5EF4-FFF2-40B4-BE49-F238E27FC236}">
                <a16:creationId xmlns:a16="http://schemas.microsoft.com/office/drawing/2014/main" id="{64B2479B-43F3-4190-A05C-990E91F1F400}"/>
              </a:ext>
            </a:extLst>
          </p:cNvPr>
          <p:cNvGrpSpPr/>
          <p:nvPr/>
        </p:nvGrpSpPr>
        <p:grpSpPr>
          <a:xfrm>
            <a:off x="2205784" y="2792606"/>
            <a:ext cx="898706" cy="1554599"/>
            <a:chOff x="6621177" y="3003753"/>
            <a:chExt cx="898706" cy="1554599"/>
          </a:xfrm>
        </p:grpSpPr>
        <p:sp>
          <p:nvSpPr>
            <p:cNvPr id="86" name="矩形 66">
              <a:extLst>
                <a:ext uri="{FF2B5EF4-FFF2-40B4-BE49-F238E27FC236}">
                  <a16:creationId xmlns:a16="http://schemas.microsoft.com/office/drawing/2014/main" id="{58A86897-FDA8-4E80-A9D7-37B6812C9776}"/>
                </a:ext>
              </a:extLst>
            </p:cNvPr>
            <p:cNvSpPr/>
            <p:nvPr/>
          </p:nvSpPr>
          <p:spPr>
            <a:xfrm>
              <a:off x="6941882" y="3173884"/>
              <a:ext cx="578001" cy="1384468"/>
            </a:xfrm>
            <a:custGeom>
              <a:avLst/>
              <a:gdLst>
                <a:gd name="connsiteX0" fmla="*/ 0 w 781200"/>
                <a:gd name="connsiteY0" fmla="*/ 0 h 1044000"/>
                <a:gd name="connsiteX1" fmla="*/ 781200 w 781200"/>
                <a:gd name="connsiteY1" fmla="*/ 0 h 1044000"/>
                <a:gd name="connsiteX2" fmla="*/ 781200 w 781200"/>
                <a:gd name="connsiteY2" fmla="*/ 1044000 h 1044000"/>
                <a:gd name="connsiteX3" fmla="*/ 0 w 781200"/>
                <a:gd name="connsiteY3" fmla="*/ 1044000 h 1044000"/>
                <a:gd name="connsiteX4" fmla="*/ 0 w 781200"/>
                <a:gd name="connsiteY4" fmla="*/ 0 h 1044000"/>
                <a:gd name="connsiteX0" fmla="*/ 0 w 781200"/>
                <a:gd name="connsiteY0" fmla="*/ 0 h 1545650"/>
                <a:gd name="connsiteX1" fmla="*/ 781200 w 781200"/>
                <a:gd name="connsiteY1" fmla="*/ 0 h 1545650"/>
                <a:gd name="connsiteX2" fmla="*/ 425600 w 781200"/>
                <a:gd name="connsiteY2" fmla="*/ 1545650 h 1545650"/>
                <a:gd name="connsiteX3" fmla="*/ 0 w 781200"/>
                <a:gd name="connsiteY3" fmla="*/ 1044000 h 1545650"/>
                <a:gd name="connsiteX4" fmla="*/ 0 w 781200"/>
                <a:gd name="connsiteY4" fmla="*/ 0 h 1545650"/>
                <a:gd name="connsiteX0" fmla="*/ 0 w 781200"/>
                <a:gd name="connsiteY0" fmla="*/ 0 h 1399600"/>
                <a:gd name="connsiteX1" fmla="*/ 781200 w 781200"/>
                <a:gd name="connsiteY1" fmla="*/ 0 h 1399600"/>
                <a:gd name="connsiteX2" fmla="*/ 584350 w 781200"/>
                <a:gd name="connsiteY2" fmla="*/ 1399600 h 1399600"/>
                <a:gd name="connsiteX3" fmla="*/ 0 w 781200"/>
                <a:gd name="connsiteY3" fmla="*/ 1044000 h 1399600"/>
                <a:gd name="connsiteX4" fmla="*/ 0 w 781200"/>
                <a:gd name="connsiteY4" fmla="*/ 0 h 1399600"/>
                <a:gd name="connsiteX0" fmla="*/ 0 w 762150"/>
                <a:gd name="connsiteY0" fmla="*/ 0 h 1399600"/>
                <a:gd name="connsiteX1" fmla="*/ 762150 w 762150"/>
                <a:gd name="connsiteY1" fmla="*/ 425450 h 1399600"/>
                <a:gd name="connsiteX2" fmla="*/ 584350 w 762150"/>
                <a:gd name="connsiteY2" fmla="*/ 1399600 h 1399600"/>
                <a:gd name="connsiteX3" fmla="*/ 0 w 762150"/>
                <a:gd name="connsiteY3" fmla="*/ 1044000 h 1399600"/>
                <a:gd name="connsiteX4" fmla="*/ 0 w 762150"/>
                <a:gd name="connsiteY4" fmla="*/ 0 h 1399600"/>
                <a:gd name="connsiteX0" fmla="*/ 0 w 616100"/>
                <a:gd name="connsiteY0" fmla="*/ 0 h 1399600"/>
                <a:gd name="connsiteX1" fmla="*/ 616100 w 616100"/>
                <a:gd name="connsiteY1" fmla="*/ 355600 h 1399600"/>
                <a:gd name="connsiteX2" fmla="*/ 584350 w 616100"/>
                <a:gd name="connsiteY2" fmla="*/ 1399600 h 1399600"/>
                <a:gd name="connsiteX3" fmla="*/ 0 w 616100"/>
                <a:gd name="connsiteY3" fmla="*/ 1044000 h 1399600"/>
                <a:gd name="connsiteX4" fmla="*/ 0 w 616100"/>
                <a:gd name="connsiteY4" fmla="*/ 0 h 1399600"/>
                <a:gd name="connsiteX0" fmla="*/ 0 w 616100"/>
                <a:gd name="connsiteY0" fmla="*/ 0 h 1399600"/>
                <a:gd name="connsiteX1" fmla="*/ 616100 w 616100"/>
                <a:gd name="connsiteY1" fmla="*/ 361950 h 1399600"/>
                <a:gd name="connsiteX2" fmla="*/ 584350 w 616100"/>
                <a:gd name="connsiteY2" fmla="*/ 1399600 h 1399600"/>
                <a:gd name="connsiteX3" fmla="*/ 0 w 616100"/>
                <a:gd name="connsiteY3" fmla="*/ 1044000 h 1399600"/>
                <a:gd name="connsiteX4" fmla="*/ 0 w 616100"/>
                <a:gd name="connsiteY4" fmla="*/ 0 h 1399600"/>
                <a:gd name="connsiteX0" fmla="*/ 0 w 628800"/>
                <a:gd name="connsiteY0" fmla="*/ 0 h 1399600"/>
                <a:gd name="connsiteX1" fmla="*/ 628800 w 628800"/>
                <a:gd name="connsiteY1" fmla="*/ 361950 h 1399600"/>
                <a:gd name="connsiteX2" fmla="*/ 584350 w 628800"/>
                <a:gd name="connsiteY2" fmla="*/ 1399600 h 1399600"/>
                <a:gd name="connsiteX3" fmla="*/ 0 w 628800"/>
                <a:gd name="connsiteY3" fmla="*/ 1044000 h 1399600"/>
                <a:gd name="connsiteX4" fmla="*/ 0 w 628800"/>
                <a:gd name="connsiteY4" fmla="*/ 0 h 1399600"/>
                <a:gd name="connsiteX0" fmla="*/ 0 w 647850"/>
                <a:gd name="connsiteY0" fmla="*/ 0 h 1399600"/>
                <a:gd name="connsiteX1" fmla="*/ 647850 w 647850"/>
                <a:gd name="connsiteY1" fmla="*/ 361950 h 1399600"/>
                <a:gd name="connsiteX2" fmla="*/ 584350 w 647850"/>
                <a:gd name="connsiteY2" fmla="*/ 1399600 h 1399600"/>
                <a:gd name="connsiteX3" fmla="*/ 0 w 647850"/>
                <a:gd name="connsiteY3" fmla="*/ 1044000 h 1399600"/>
                <a:gd name="connsiteX4" fmla="*/ 0 w 647850"/>
                <a:gd name="connsiteY4" fmla="*/ 0 h 1399600"/>
                <a:gd name="connsiteX0" fmla="*/ 0 w 609750"/>
                <a:gd name="connsiteY0" fmla="*/ 0 h 1399600"/>
                <a:gd name="connsiteX1" fmla="*/ 609750 w 609750"/>
                <a:gd name="connsiteY1" fmla="*/ 336550 h 1399600"/>
                <a:gd name="connsiteX2" fmla="*/ 584350 w 609750"/>
                <a:gd name="connsiteY2" fmla="*/ 1399600 h 1399600"/>
                <a:gd name="connsiteX3" fmla="*/ 0 w 609750"/>
                <a:gd name="connsiteY3" fmla="*/ 1044000 h 1399600"/>
                <a:gd name="connsiteX4" fmla="*/ 0 w 609750"/>
                <a:gd name="connsiteY4" fmla="*/ 0 h 1399600"/>
                <a:gd name="connsiteX0" fmla="*/ 0 w 597050"/>
                <a:gd name="connsiteY0" fmla="*/ 0 h 1399600"/>
                <a:gd name="connsiteX1" fmla="*/ 597050 w 597050"/>
                <a:gd name="connsiteY1" fmla="*/ 336550 h 1399600"/>
                <a:gd name="connsiteX2" fmla="*/ 584350 w 597050"/>
                <a:gd name="connsiteY2" fmla="*/ 1399600 h 1399600"/>
                <a:gd name="connsiteX3" fmla="*/ 0 w 597050"/>
                <a:gd name="connsiteY3" fmla="*/ 1044000 h 1399600"/>
                <a:gd name="connsiteX4" fmla="*/ 0 w 597050"/>
                <a:gd name="connsiteY4" fmla="*/ 0 h 1399600"/>
                <a:gd name="connsiteX0" fmla="*/ 0 w 590700"/>
                <a:gd name="connsiteY0" fmla="*/ 0 h 1399600"/>
                <a:gd name="connsiteX1" fmla="*/ 590700 w 590700"/>
                <a:gd name="connsiteY1" fmla="*/ 336550 h 1399600"/>
                <a:gd name="connsiteX2" fmla="*/ 584350 w 590700"/>
                <a:gd name="connsiteY2" fmla="*/ 1399600 h 1399600"/>
                <a:gd name="connsiteX3" fmla="*/ 0 w 590700"/>
                <a:gd name="connsiteY3" fmla="*/ 1044000 h 1399600"/>
                <a:gd name="connsiteX4" fmla="*/ 0 w 590700"/>
                <a:gd name="connsiteY4" fmla="*/ 0 h 1399600"/>
                <a:gd name="connsiteX0" fmla="*/ 0 w 584631"/>
                <a:gd name="connsiteY0" fmla="*/ 0 h 1399600"/>
                <a:gd name="connsiteX1" fmla="*/ 578000 w 584631"/>
                <a:gd name="connsiteY1" fmla="*/ 336550 h 1399600"/>
                <a:gd name="connsiteX2" fmla="*/ 584350 w 584631"/>
                <a:gd name="connsiteY2" fmla="*/ 1399600 h 1399600"/>
                <a:gd name="connsiteX3" fmla="*/ 0 w 584631"/>
                <a:gd name="connsiteY3" fmla="*/ 1044000 h 1399600"/>
                <a:gd name="connsiteX4" fmla="*/ 0 w 584631"/>
                <a:gd name="connsiteY4" fmla="*/ 0 h 1399600"/>
                <a:gd name="connsiteX0" fmla="*/ 0 w 584631"/>
                <a:gd name="connsiteY0" fmla="*/ 0 h 1399600"/>
                <a:gd name="connsiteX1" fmla="*/ 578000 w 584631"/>
                <a:gd name="connsiteY1" fmla="*/ 323850 h 1399600"/>
                <a:gd name="connsiteX2" fmla="*/ 584350 w 584631"/>
                <a:gd name="connsiteY2" fmla="*/ 1399600 h 1399600"/>
                <a:gd name="connsiteX3" fmla="*/ 0 w 584631"/>
                <a:gd name="connsiteY3" fmla="*/ 1044000 h 1399600"/>
                <a:gd name="connsiteX4" fmla="*/ 0 w 584631"/>
                <a:gd name="connsiteY4" fmla="*/ 0 h 1399600"/>
                <a:gd name="connsiteX0" fmla="*/ 0 w 584631"/>
                <a:gd name="connsiteY0" fmla="*/ 0 h 1399600"/>
                <a:gd name="connsiteX1" fmla="*/ 578000 w 584631"/>
                <a:gd name="connsiteY1" fmla="*/ 330200 h 1399600"/>
                <a:gd name="connsiteX2" fmla="*/ 584350 w 584631"/>
                <a:gd name="connsiteY2" fmla="*/ 1399600 h 1399600"/>
                <a:gd name="connsiteX3" fmla="*/ 0 w 584631"/>
                <a:gd name="connsiteY3" fmla="*/ 1044000 h 1399600"/>
                <a:gd name="connsiteX4" fmla="*/ 0 w 584631"/>
                <a:gd name="connsiteY4" fmla="*/ 0 h 1399600"/>
                <a:gd name="connsiteX0" fmla="*/ 0 w 584631"/>
                <a:gd name="connsiteY0" fmla="*/ 0 h 1386900"/>
                <a:gd name="connsiteX1" fmla="*/ 578000 w 584631"/>
                <a:gd name="connsiteY1" fmla="*/ 330200 h 1386900"/>
                <a:gd name="connsiteX2" fmla="*/ 584350 w 584631"/>
                <a:gd name="connsiteY2" fmla="*/ 1386900 h 1386900"/>
                <a:gd name="connsiteX3" fmla="*/ 0 w 584631"/>
                <a:gd name="connsiteY3" fmla="*/ 1044000 h 1386900"/>
                <a:gd name="connsiteX4" fmla="*/ 0 w 584631"/>
                <a:gd name="connsiteY4" fmla="*/ 0 h 1386900"/>
                <a:gd name="connsiteX0" fmla="*/ 0 w 591587"/>
                <a:gd name="connsiteY0" fmla="*/ 0 h 1397492"/>
                <a:gd name="connsiteX1" fmla="*/ 578000 w 591587"/>
                <a:gd name="connsiteY1" fmla="*/ 330200 h 1397492"/>
                <a:gd name="connsiteX2" fmla="*/ 591411 w 591587"/>
                <a:gd name="connsiteY2" fmla="*/ 1397492 h 1397492"/>
                <a:gd name="connsiteX3" fmla="*/ 0 w 591587"/>
                <a:gd name="connsiteY3" fmla="*/ 1044000 h 1397492"/>
                <a:gd name="connsiteX4" fmla="*/ 0 w 591587"/>
                <a:gd name="connsiteY4" fmla="*/ 0 h 1397492"/>
                <a:gd name="connsiteX0" fmla="*/ 0 w 578000"/>
                <a:gd name="connsiteY0" fmla="*/ 0 h 1379839"/>
                <a:gd name="connsiteX1" fmla="*/ 578000 w 578000"/>
                <a:gd name="connsiteY1" fmla="*/ 330200 h 1379839"/>
                <a:gd name="connsiteX2" fmla="*/ 577289 w 578000"/>
                <a:gd name="connsiteY2" fmla="*/ 1379839 h 1379839"/>
                <a:gd name="connsiteX3" fmla="*/ 0 w 578000"/>
                <a:gd name="connsiteY3" fmla="*/ 1044000 h 1379839"/>
                <a:gd name="connsiteX4" fmla="*/ 0 w 578000"/>
                <a:gd name="connsiteY4" fmla="*/ 0 h 1379839"/>
                <a:gd name="connsiteX0" fmla="*/ 0 w 577690"/>
                <a:gd name="connsiteY0" fmla="*/ 0 h 1379839"/>
                <a:gd name="connsiteX1" fmla="*/ 574470 w 577690"/>
                <a:gd name="connsiteY1" fmla="*/ 330200 h 1379839"/>
                <a:gd name="connsiteX2" fmla="*/ 577289 w 577690"/>
                <a:gd name="connsiteY2" fmla="*/ 1379839 h 1379839"/>
                <a:gd name="connsiteX3" fmla="*/ 0 w 577690"/>
                <a:gd name="connsiteY3" fmla="*/ 1044000 h 1379839"/>
                <a:gd name="connsiteX4" fmla="*/ 0 w 577690"/>
                <a:gd name="connsiteY4" fmla="*/ 0 h 1379839"/>
                <a:gd name="connsiteX0" fmla="*/ 0 w 578001"/>
                <a:gd name="connsiteY0" fmla="*/ 0 h 1379839"/>
                <a:gd name="connsiteX1" fmla="*/ 578001 w 578001"/>
                <a:gd name="connsiteY1" fmla="*/ 330200 h 1379839"/>
                <a:gd name="connsiteX2" fmla="*/ 577289 w 578001"/>
                <a:gd name="connsiteY2" fmla="*/ 1379839 h 1379839"/>
                <a:gd name="connsiteX3" fmla="*/ 0 w 578001"/>
                <a:gd name="connsiteY3" fmla="*/ 1044000 h 1379839"/>
                <a:gd name="connsiteX4" fmla="*/ 0 w 578001"/>
                <a:gd name="connsiteY4" fmla="*/ 0 h 1379839"/>
                <a:gd name="connsiteX0" fmla="*/ 0 w 578001"/>
                <a:gd name="connsiteY0" fmla="*/ 0 h 1379839"/>
                <a:gd name="connsiteX1" fmla="*/ 578001 w 578001"/>
                <a:gd name="connsiteY1" fmla="*/ 330200 h 1379839"/>
                <a:gd name="connsiteX2" fmla="*/ 577289 w 578001"/>
                <a:gd name="connsiteY2" fmla="*/ 1379839 h 1379839"/>
                <a:gd name="connsiteX3" fmla="*/ 0 w 578001"/>
                <a:gd name="connsiteY3" fmla="*/ 1049298 h 1379839"/>
                <a:gd name="connsiteX4" fmla="*/ 0 w 578001"/>
                <a:gd name="connsiteY4" fmla="*/ 0 h 137983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78001" h="1379839">
                  <a:moveTo>
                    <a:pt x="0" y="0"/>
                  </a:moveTo>
                  <a:lnTo>
                    <a:pt x="578001" y="330200"/>
                  </a:lnTo>
                  <a:cubicBezTo>
                    <a:pt x="575884" y="684550"/>
                    <a:pt x="579406" y="1025489"/>
                    <a:pt x="577289" y="1379839"/>
                  </a:cubicBezTo>
                  <a:lnTo>
                    <a:pt x="0" y="1049298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4">
                <a:lumMod val="20000"/>
                <a:lumOff val="8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87" name="矩形 55">
              <a:extLst>
                <a:ext uri="{FF2B5EF4-FFF2-40B4-BE49-F238E27FC236}">
                  <a16:creationId xmlns:a16="http://schemas.microsoft.com/office/drawing/2014/main" id="{9CDE4F66-C71E-48CB-9035-1E2C115437F4}"/>
                </a:ext>
              </a:extLst>
            </p:cNvPr>
            <p:cNvSpPr/>
            <p:nvPr/>
          </p:nvSpPr>
          <p:spPr>
            <a:xfrm rot="16200000">
              <a:off x="6170221" y="3454709"/>
              <a:ext cx="1224107" cy="322195"/>
            </a:xfrm>
            <a:custGeom>
              <a:avLst/>
              <a:gdLst>
                <a:gd name="connsiteX0" fmla="*/ 0 w 1044000"/>
                <a:gd name="connsiteY0" fmla="*/ 0 h 514800"/>
                <a:gd name="connsiteX1" fmla="*/ 1044000 w 1044000"/>
                <a:gd name="connsiteY1" fmla="*/ 0 h 514800"/>
                <a:gd name="connsiteX2" fmla="*/ 1044000 w 1044000"/>
                <a:gd name="connsiteY2" fmla="*/ 514800 h 514800"/>
                <a:gd name="connsiteX3" fmla="*/ 0 w 1044000"/>
                <a:gd name="connsiteY3" fmla="*/ 514800 h 514800"/>
                <a:gd name="connsiteX4" fmla="*/ 0 w 1044000"/>
                <a:gd name="connsiteY4" fmla="*/ 0 h 514800"/>
                <a:gd name="connsiteX0" fmla="*/ 280219 w 1324219"/>
                <a:gd name="connsiteY0" fmla="*/ 266864 h 781664"/>
                <a:gd name="connsiteX1" fmla="*/ 1324219 w 1324219"/>
                <a:gd name="connsiteY1" fmla="*/ 266864 h 781664"/>
                <a:gd name="connsiteX2" fmla="*/ 1324219 w 1324219"/>
                <a:gd name="connsiteY2" fmla="*/ 781664 h 781664"/>
                <a:gd name="connsiteX3" fmla="*/ 0 w 1324219"/>
                <a:gd name="connsiteY3" fmla="*/ 0 h 781664"/>
                <a:gd name="connsiteX4" fmla="*/ 280219 w 1324219"/>
                <a:gd name="connsiteY4" fmla="*/ 266864 h 7816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36626 w 1324219"/>
                <a:gd name="connsiteY2" fmla="*/ 7377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36626 w 1324219"/>
                <a:gd name="connsiteY2" fmla="*/ 7380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29252 w 1324219"/>
                <a:gd name="connsiteY2" fmla="*/ 9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44000 w 1324219"/>
                <a:gd name="connsiteY2" fmla="*/ 12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595015"/>
                <a:gd name="connsiteX1" fmla="*/ 1324219 w 1324219"/>
                <a:gd name="connsiteY1" fmla="*/ 266864 h 595015"/>
                <a:gd name="connsiteX2" fmla="*/ 1152872 w 1324219"/>
                <a:gd name="connsiteY2" fmla="*/ 595015 h 595015"/>
                <a:gd name="connsiteX3" fmla="*/ 0 w 1324219"/>
                <a:gd name="connsiteY3" fmla="*/ 0 h 595015"/>
                <a:gd name="connsiteX4" fmla="*/ 280219 w 1324219"/>
                <a:gd name="connsiteY4" fmla="*/ 266864 h 595015"/>
                <a:gd name="connsiteX0" fmla="*/ 62475 w 1106475"/>
                <a:gd name="connsiteY0" fmla="*/ 0 h 360473"/>
                <a:gd name="connsiteX1" fmla="*/ 1106475 w 1106475"/>
                <a:gd name="connsiteY1" fmla="*/ 0 h 360473"/>
                <a:gd name="connsiteX2" fmla="*/ 935128 w 1106475"/>
                <a:gd name="connsiteY2" fmla="*/ 328151 h 360473"/>
                <a:gd name="connsiteX3" fmla="*/ 0 w 1106475"/>
                <a:gd name="connsiteY3" fmla="*/ 360473 h 360473"/>
                <a:gd name="connsiteX4" fmla="*/ 62475 w 1106475"/>
                <a:gd name="connsiteY4" fmla="*/ 0 h 360473"/>
                <a:gd name="connsiteX0" fmla="*/ 177751 w 1221751"/>
                <a:gd name="connsiteY0" fmla="*/ 0 h 366943"/>
                <a:gd name="connsiteX1" fmla="*/ 1221751 w 1221751"/>
                <a:gd name="connsiteY1" fmla="*/ 0 h 366943"/>
                <a:gd name="connsiteX2" fmla="*/ 1050404 w 1221751"/>
                <a:gd name="connsiteY2" fmla="*/ 328151 h 366943"/>
                <a:gd name="connsiteX3" fmla="*/ 0 w 1221751"/>
                <a:gd name="connsiteY3" fmla="*/ 366943 h 366943"/>
                <a:gd name="connsiteX4" fmla="*/ 177751 w 1221751"/>
                <a:gd name="connsiteY4" fmla="*/ 0 h 366943"/>
                <a:gd name="connsiteX0" fmla="*/ 177751 w 1221751"/>
                <a:gd name="connsiteY0" fmla="*/ 0 h 341073"/>
                <a:gd name="connsiteX1" fmla="*/ 1221751 w 1221751"/>
                <a:gd name="connsiteY1" fmla="*/ 0 h 341073"/>
                <a:gd name="connsiteX2" fmla="*/ 1050404 w 1221751"/>
                <a:gd name="connsiteY2" fmla="*/ 328151 h 341073"/>
                <a:gd name="connsiteX3" fmla="*/ 0 w 1221751"/>
                <a:gd name="connsiteY3" fmla="*/ 341073 h 341073"/>
                <a:gd name="connsiteX4" fmla="*/ 177751 w 1221751"/>
                <a:gd name="connsiteY4" fmla="*/ 0 h 341073"/>
                <a:gd name="connsiteX0" fmla="*/ 184155 w 1228155"/>
                <a:gd name="connsiteY0" fmla="*/ 0 h 334606"/>
                <a:gd name="connsiteX1" fmla="*/ 1228155 w 1228155"/>
                <a:gd name="connsiteY1" fmla="*/ 0 h 334606"/>
                <a:gd name="connsiteX2" fmla="*/ 1056808 w 1228155"/>
                <a:gd name="connsiteY2" fmla="*/ 328151 h 334606"/>
                <a:gd name="connsiteX3" fmla="*/ 0 w 1228155"/>
                <a:gd name="connsiteY3" fmla="*/ 334606 h 334606"/>
                <a:gd name="connsiteX4" fmla="*/ 184155 w 1228155"/>
                <a:gd name="connsiteY4" fmla="*/ 0 h 334606"/>
                <a:gd name="connsiteX0" fmla="*/ 190559 w 1234559"/>
                <a:gd name="connsiteY0" fmla="*/ 0 h 328151"/>
                <a:gd name="connsiteX1" fmla="*/ 1234559 w 1234559"/>
                <a:gd name="connsiteY1" fmla="*/ 0 h 328151"/>
                <a:gd name="connsiteX2" fmla="*/ 1063212 w 1234559"/>
                <a:gd name="connsiteY2" fmla="*/ 328151 h 328151"/>
                <a:gd name="connsiteX3" fmla="*/ 0 w 1234559"/>
                <a:gd name="connsiteY3" fmla="*/ 328139 h 328151"/>
                <a:gd name="connsiteX4" fmla="*/ 190559 w 1234559"/>
                <a:gd name="connsiteY4" fmla="*/ 0 h 3281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234559" h="328151">
                  <a:moveTo>
                    <a:pt x="190559" y="0"/>
                  </a:moveTo>
                  <a:lnTo>
                    <a:pt x="1234559" y="0"/>
                  </a:lnTo>
                  <a:lnTo>
                    <a:pt x="1063212" y="328151"/>
                  </a:lnTo>
                  <a:lnTo>
                    <a:pt x="0" y="328139"/>
                  </a:lnTo>
                  <a:lnTo>
                    <a:pt x="190559" y="0"/>
                  </a:lnTo>
                  <a:close/>
                </a:path>
              </a:pathLst>
            </a:custGeom>
            <a:solidFill>
              <a:schemeClr val="accent6">
                <a:lumMod val="40000"/>
                <a:lumOff val="6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</p:grpSp>
      <p:grpSp>
        <p:nvGrpSpPr>
          <p:cNvPr id="88" name="组合 87">
            <a:extLst>
              <a:ext uri="{FF2B5EF4-FFF2-40B4-BE49-F238E27FC236}">
                <a16:creationId xmlns:a16="http://schemas.microsoft.com/office/drawing/2014/main" id="{1FA436F6-990E-4A5F-9739-50276736DF08}"/>
              </a:ext>
            </a:extLst>
          </p:cNvPr>
          <p:cNvGrpSpPr/>
          <p:nvPr/>
        </p:nvGrpSpPr>
        <p:grpSpPr>
          <a:xfrm>
            <a:off x="2201613" y="2791978"/>
            <a:ext cx="358782" cy="1918542"/>
            <a:chOff x="6621176" y="3003753"/>
            <a:chExt cx="358782" cy="1918542"/>
          </a:xfrm>
        </p:grpSpPr>
        <p:sp>
          <p:nvSpPr>
            <p:cNvPr id="89" name="矩形 83">
              <a:extLst>
                <a:ext uri="{FF2B5EF4-FFF2-40B4-BE49-F238E27FC236}">
                  <a16:creationId xmlns:a16="http://schemas.microsoft.com/office/drawing/2014/main" id="{40708DE1-71CD-4831-977B-6D1C9E5EAF6F}"/>
                </a:ext>
              </a:extLst>
            </p:cNvPr>
            <p:cNvSpPr/>
            <p:nvPr/>
          </p:nvSpPr>
          <p:spPr>
            <a:xfrm>
              <a:off x="6728348" y="3280125"/>
              <a:ext cx="251610" cy="1642170"/>
            </a:xfrm>
            <a:custGeom>
              <a:avLst/>
              <a:gdLst>
                <a:gd name="connsiteX0" fmla="*/ 0 w 781200"/>
                <a:gd name="connsiteY0" fmla="*/ 0 h 1044000"/>
                <a:gd name="connsiteX1" fmla="*/ 781200 w 781200"/>
                <a:gd name="connsiteY1" fmla="*/ 0 h 1044000"/>
                <a:gd name="connsiteX2" fmla="*/ 781200 w 781200"/>
                <a:gd name="connsiteY2" fmla="*/ 1044000 h 1044000"/>
                <a:gd name="connsiteX3" fmla="*/ 0 w 781200"/>
                <a:gd name="connsiteY3" fmla="*/ 1044000 h 1044000"/>
                <a:gd name="connsiteX4" fmla="*/ 0 w 781200"/>
                <a:gd name="connsiteY4" fmla="*/ 0 h 1044000"/>
                <a:gd name="connsiteX0" fmla="*/ 0 w 781200"/>
                <a:gd name="connsiteY0" fmla="*/ 0 h 1642170"/>
                <a:gd name="connsiteX1" fmla="*/ 781200 w 781200"/>
                <a:gd name="connsiteY1" fmla="*/ 0 h 1642170"/>
                <a:gd name="connsiteX2" fmla="*/ 251610 w 781200"/>
                <a:gd name="connsiteY2" fmla="*/ 1642170 h 1642170"/>
                <a:gd name="connsiteX3" fmla="*/ 0 w 781200"/>
                <a:gd name="connsiteY3" fmla="*/ 1044000 h 1642170"/>
                <a:gd name="connsiteX4" fmla="*/ 0 w 781200"/>
                <a:gd name="connsiteY4" fmla="*/ 0 h 1642170"/>
                <a:gd name="connsiteX0" fmla="*/ 0 w 263040"/>
                <a:gd name="connsiteY0" fmla="*/ 0 h 1642170"/>
                <a:gd name="connsiteX1" fmla="*/ 263040 w 263040"/>
                <a:gd name="connsiteY1" fmla="*/ 617220 h 1642170"/>
                <a:gd name="connsiteX2" fmla="*/ 251610 w 263040"/>
                <a:gd name="connsiteY2" fmla="*/ 1642170 h 1642170"/>
                <a:gd name="connsiteX3" fmla="*/ 0 w 263040"/>
                <a:gd name="connsiteY3" fmla="*/ 1044000 h 1642170"/>
                <a:gd name="connsiteX4" fmla="*/ 0 w 263040"/>
                <a:gd name="connsiteY4" fmla="*/ 0 h 1642170"/>
                <a:gd name="connsiteX0" fmla="*/ 0 w 259230"/>
                <a:gd name="connsiteY0" fmla="*/ 0 h 1642170"/>
                <a:gd name="connsiteX1" fmla="*/ 259230 w 259230"/>
                <a:gd name="connsiteY1" fmla="*/ 621030 h 1642170"/>
                <a:gd name="connsiteX2" fmla="*/ 251610 w 259230"/>
                <a:gd name="connsiteY2" fmla="*/ 1642170 h 1642170"/>
                <a:gd name="connsiteX3" fmla="*/ 0 w 259230"/>
                <a:gd name="connsiteY3" fmla="*/ 1044000 h 1642170"/>
                <a:gd name="connsiteX4" fmla="*/ 0 w 259230"/>
                <a:gd name="connsiteY4" fmla="*/ 0 h 1642170"/>
                <a:gd name="connsiteX0" fmla="*/ 0 w 251610"/>
                <a:gd name="connsiteY0" fmla="*/ 0 h 1642170"/>
                <a:gd name="connsiteX1" fmla="*/ 247800 w 251610"/>
                <a:gd name="connsiteY1" fmla="*/ 621030 h 1642170"/>
                <a:gd name="connsiteX2" fmla="*/ 251610 w 251610"/>
                <a:gd name="connsiteY2" fmla="*/ 1642170 h 1642170"/>
                <a:gd name="connsiteX3" fmla="*/ 0 w 251610"/>
                <a:gd name="connsiteY3" fmla="*/ 1044000 h 1642170"/>
                <a:gd name="connsiteX4" fmla="*/ 0 w 251610"/>
                <a:gd name="connsiteY4" fmla="*/ 0 h 1642170"/>
                <a:gd name="connsiteX0" fmla="*/ 0 w 251610"/>
                <a:gd name="connsiteY0" fmla="*/ 0 h 1642170"/>
                <a:gd name="connsiteX1" fmla="*/ 251610 w 251610"/>
                <a:gd name="connsiteY1" fmla="*/ 617220 h 1642170"/>
                <a:gd name="connsiteX2" fmla="*/ 251610 w 251610"/>
                <a:gd name="connsiteY2" fmla="*/ 1642170 h 1642170"/>
                <a:gd name="connsiteX3" fmla="*/ 0 w 251610"/>
                <a:gd name="connsiteY3" fmla="*/ 1044000 h 1642170"/>
                <a:gd name="connsiteX4" fmla="*/ 0 w 251610"/>
                <a:gd name="connsiteY4" fmla="*/ 0 h 164217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51610" h="1642170">
                  <a:moveTo>
                    <a:pt x="0" y="0"/>
                  </a:moveTo>
                  <a:lnTo>
                    <a:pt x="251610" y="617220"/>
                  </a:lnTo>
                  <a:lnTo>
                    <a:pt x="251610" y="1642170"/>
                  </a:lnTo>
                  <a:lnTo>
                    <a:pt x="0" y="104400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4">
                <a:lumMod val="20000"/>
                <a:lumOff val="8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90" name="矩形 55">
              <a:extLst>
                <a:ext uri="{FF2B5EF4-FFF2-40B4-BE49-F238E27FC236}">
                  <a16:creationId xmlns:a16="http://schemas.microsoft.com/office/drawing/2014/main" id="{664F926D-CE96-4CAD-ACED-477EA4C10571}"/>
                </a:ext>
              </a:extLst>
            </p:cNvPr>
            <p:cNvSpPr/>
            <p:nvPr/>
          </p:nvSpPr>
          <p:spPr>
            <a:xfrm rot="16200000">
              <a:off x="6014821" y="3610108"/>
              <a:ext cx="1325147" cy="112437"/>
            </a:xfrm>
            <a:custGeom>
              <a:avLst/>
              <a:gdLst>
                <a:gd name="connsiteX0" fmla="*/ 0 w 1044000"/>
                <a:gd name="connsiteY0" fmla="*/ 0 h 514800"/>
                <a:gd name="connsiteX1" fmla="*/ 1044000 w 1044000"/>
                <a:gd name="connsiteY1" fmla="*/ 0 h 514800"/>
                <a:gd name="connsiteX2" fmla="*/ 1044000 w 1044000"/>
                <a:gd name="connsiteY2" fmla="*/ 514800 h 514800"/>
                <a:gd name="connsiteX3" fmla="*/ 0 w 1044000"/>
                <a:gd name="connsiteY3" fmla="*/ 514800 h 514800"/>
                <a:gd name="connsiteX4" fmla="*/ 0 w 1044000"/>
                <a:gd name="connsiteY4" fmla="*/ 0 h 514800"/>
                <a:gd name="connsiteX0" fmla="*/ 280219 w 1324219"/>
                <a:gd name="connsiteY0" fmla="*/ 266864 h 781664"/>
                <a:gd name="connsiteX1" fmla="*/ 1324219 w 1324219"/>
                <a:gd name="connsiteY1" fmla="*/ 266864 h 781664"/>
                <a:gd name="connsiteX2" fmla="*/ 1324219 w 1324219"/>
                <a:gd name="connsiteY2" fmla="*/ 781664 h 781664"/>
                <a:gd name="connsiteX3" fmla="*/ 0 w 1324219"/>
                <a:gd name="connsiteY3" fmla="*/ 0 h 781664"/>
                <a:gd name="connsiteX4" fmla="*/ 280219 w 1324219"/>
                <a:gd name="connsiteY4" fmla="*/ 266864 h 7816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36626 w 1324219"/>
                <a:gd name="connsiteY2" fmla="*/ 7377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36626 w 1324219"/>
                <a:gd name="connsiteY2" fmla="*/ 7380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29252 w 1324219"/>
                <a:gd name="connsiteY2" fmla="*/ 9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44000 w 1324219"/>
                <a:gd name="connsiteY2" fmla="*/ 12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357375"/>
                <a:gd name="connsiteX1" fmla="*/ 1324219 w 1324219"/>
                <a:gd name="connsiteY1" fmla="*/ 266864 h 357375"/>
                <a:gd name="connsiteX2" fmla="*/ 1033277 w 1324219"/>
                <a:gd name="connsiteY2" fmla="*/ 357375 h 357375"/>
                <a:gd name="connsiteX3" fmla="*/ 0 w 1324219"/>
                <a:gd name="connsiteY3" fmla="*/ 0 h 357375"/>
                <a:gd name="connsiteX4" fmla="*/ 280219 w 1324219"/>
                <a:gd name="connsiteY4" fmla="*/ 266864 h 357375"/>
                <a:gd name="connsiteX0" fmla="*/ 296305 w 1340305"/>
                <a:gd name="connsiteY0" fmla="*/ 0 h 95914"/>
                <a:gd name="connsiteX1" fmla="*/ 1340305 w 1340305"/>
                <a:gd name="connsiteY1" fmla="*/ 0 h 95914"/>
                <a:gd name="connsiteX2" fmla="*/ 1049363 w 1340305"/>
                <a:gd name="connsiteY2" fmla="*/ 90511 h 95914"/>
                <a:gd name="connsiteX3" fmla="*/ 0 w 1340305"/>
                <a:gd name="connsiteY3" fmla="*/ 95914 h 95914"/>
                <a:gd name="connsiteX4" fmla="*/ 296305 w 1340305"/>
                <a:gd name="connsiteY4" fmla="*/ 0 h 95914"/>
                <a:gd name="connsiteX0" fmla="*/ 296305 w 1340305"/>
                <a:gd name="connsiteY0" fmla="*/ 0 h 106755"/>
                <a:gd name="connsiteX1" fmla="*/ 1340305 w 1340305"/>
                <a:gd name="connsiteY1" fmla="*/ 0 h 106755"/>
                <a:gd name="connsiteX2" fmla="*/ 1049363 w 1340305"/>
                <a:gd name="connsiteY2" fmla="*/ 106755 h 106755"/>
                <a:gd name="connsiteX3" fmla="*/ 0 w 1340305"/>
                <a:gd name="connsiteY3" fmla="*/ 95914 h 106755"/>
                <a:gd name="connsiteX4" fmla="*/ 296305 w 1340305"/>
                <a:gd name="connsiteY4" fmla="*/ 0 h 106755"/>
                <a:gd name="connsiteX0" fmla="*/ 296305 w 1340305"/>
                <a:gd name="connsiteY0" fmla="*/ 0 h 106755"/>
                <a:gd name="connsiteX1" fmla="*/ 1340305 w 1340305"/>
                <a:gd name="connsiteY1" fmla="*/ 0 h 106755"/>
                <a:gd name="connsiteX2" fmla="*/ 1049363 w 1340305"/>
                <a:gd name="connsiteY2" fmla="*/ 106755 h 106755"/>
                <a:gd name="connsiteX3" fmla="*/ 0 w 1340305"/>
                <a:gd name="connsiteY3" fmla="*/ 95914 h 106755"/>
                <a:gd name="connsiteX4" fmla="*/ 296305 w 1340305"/>
                <a:gd name="connsiteY4" fmla="*/ 0 h 106755"/>
                <a:gd name="connsiteX0" fmla="*/ 296305 w 1340305"/>
                <a:gd name="connsiteY0" fmla="*/ 0 h 114516"/>
                <a:gd name="connsiteX1" fmla="*/ 1340305 w 1340305"/>
                <a:gd name="connsiteY1" fmla="*/ 0 h 114516"/>
                <a:gd name="connsiteX2" fmla="*/ 1057048 w 1340305"/>
                <a:gd name="connsiteY2" fmla="*/ 114516 h 114516"/>
                <a:gd name="connsiteX3" fmla="*/ 0 w 1340305"/>
                <a:gd name="connsiteY3" fmla="*/ 95914 h 114516"/>
                <a:gd name="connsiteX4" fmla="*/ 296305 w 1340305"/>
                <a:gd name="connsiteY4" fmla="*/ 0 h 114516"/>
                <a:gd name="connsiteX0" fmla="*/ 300148 w 1344148"/>
                <a:gd name="connsiteY0" fmla="*/ 0 h 119197"/>
                <a:gd name="connsiteX1" fmla="*/ 1344148 w 1344148"/>
                <a:gd name="connsiteY1" fmla="*/ 0 h 119197"/>
                <a:gd name="connsiteX2" fmla="*/ 1060891 w 1344148"/>
                <a:gd name="connsiteY2" fmla="*/ 114516 h 119197"/>
                <a:gd name="connsiteX3" fmla="*/ 0 w 1344148"/>
                <a:gd name="connsiteY3" fmla="*/ 119197 h 119197"/>
                <a:gd name="connsiteX4" fmla="*/ 300148 w 1344148"/>
                <a:gd name="connsiteY4" fmla="*/ 0 h 119197"/>
                <a:gd name="connsiteX0" fmla="*/ 307833 w 1351833"/>
                <a:gd name="connsiteY0" fmla="*/ 0 h 114516"/>
                <a:gd name="connsiteX1" fmla="*/ 1351833 w 1351833"/>
                <a:gd name="connsiteY1" fmla="*/ 0 h 114516"/>
                <a:gd name="connsiteX2" fmla="*/ 1068576 w 1351833"/>
                <a:gd name="connsiteY2" fmla="*/ 114516 h 114516"/>
                <a:gd name="connsiteX3" fmla="*/ 0 w 1351833"/>
                <a:gd name="connsiteY3" fmla="*/ 107556 h 114516"/>
                <a:gd name="connsiteX4" fmla="*/ 307833 w 1351833"/>
                <a:gd name="connsiteY4" fmla="*/ 0 h 114516"/>
                <a:gd name="connsiteX0" fmla="*/ 300148 w 1344148"/>
                <a:gd name="connsiteY0" fmla="*/ 0 h 114516"/>
                <a:gd name="connsiteX1" fmla="*/ 1344148 w 1344148"/>
                <a:gd name="connsiteY1" fmla="*/ 0 h 114516"/>
                <a:gd name="connsiteX2" fmla="*/ 1060891 w 1344148"/>
                <a:gd name="connsiteY2" fmla="*/ 114516 h 114516"/>
                <a:gd name="connsiteX3" fmla="*/ 0 w 1344148"/>
                <a:gd name="connsiteY3" fmla="*/ 111436 h 114516"/>
                <a:gd name="connsiteX4" fmla="*/ 300148 w 1344148"/>
                <a:gd name="connsiteY4" fmla="*/ 0 h 114516"/>
                <a:gd name="connsiteX0" fmla="*/ 292463 w 1336463"/>
                <a:gd name="connsiteY0" fmla="*/ 0 h 114516"/>
                <a:gd name="connsiteX1" fmla="*/ 1336463 w 1336463"/>
                <a:gd name="connsiteY1" fmla="*/ 0 h 114516"/>
                <a:gd name="connsiteX2" fmla="*/ 1053206 w 1336463"/>
                <a:gd name="connsiteY2" fmla="*/ 114516 h 114516"/>
                <a:gd name="connsiteX3" fmla="*/ 0 w 1336463"/>
                <a:gd name="connsiteY3" fmla="*/ 111436 h 114516"/>
                <a:gd name="connsiteX4" fmla="*/ 292463 w 1336463"/>
                <a:gd name="connsiteY4" fmla="*/ 0 h 1145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36463" h="114516">
                  <a:moveTo>
                    <a:pt x="292463" y="0"/>
                  </a:moveTo>
                  <a:lnTo>
                    <a:pt x="1336463" y="0"/>
                  </a:lnTo>
                  <a:lnTo>
                    <a:pt x="1053206" y="114516"/>
                  </a:lnTo>
                  <a:lnTo>
                    <a:pt x="0" y="111436"/>
                  </a:lnTo>
                  <a:lnTo>
                    <a:pt x="292463" y="0"/>
                  </a:lnTo>
                  <a:close/>
                </a:path>
              </a:pathLst>
            </a:custGeom>
            <a:solidFill>
              <a:schemeClr val="accent6">
                <a:lumMod val="40000"/>
                <a:lumOff val="6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</p:grpSp>
      <p:sp>
        <p:nvSpPr>
          <p:cNvPr id="91" name="矩形 90">
            <a:extLst>
              <a:ext uri="{FF2B5EF4-FFF2-40B4-BE49-F238E27FC236}">
                <a16:creationId xmlns:a16="http://schemas.microsoft.com/office/drawing/2014/main" id="{72AB3FC9-27AD-45EF-83FF-FD3A41438CCA}"/>
              </a:ext>
            </a:extLst>
          </p:cNvPr>
          <p:cNvSpPr/>
          <p:nvPr/>
        </p:nvSpPr>
        <p:spPr>
          <a:xfrm rot="16200000">
            <a:off x="616409" y="3189658"/>
            <a:ext cx="1197537" cy="415850"/>
          </a:xfrm>
          <a:custGeom>
            <a:avLst/>
            <a:gdLst>
              <a:gd name="connsiteX0" fmla="*/ 0 w 1044000"/>
              <a:gd name="connsiteY0" fmla="*/ 0 h 514800"/>
              <a:gd name="connsiteX1" fmla="*/ 1044000 w 1044000"/>
              <a:gd name="connsiteY1" fmla="*/ 0 h 514800"/>
              <a:gd name="connsiteX2" fmla="*/ 1044000 w 1044000"/>
              <a:gd name="connsiteY2" fmla="*/ 514800 h 514800"/>
              <a:gd name="connsiteX3" fmla="*/ 0 w 1044000"/>
              <a:gd name="connsiteY3" fmla="*/ 514800 h 514800"/>
              <a:gd name="connsiteX4" fmla="*/ 0 w 1044000"/>
              <a:gd name="connsiteY4" fmla="*/ 0 h 514800"/>
              <a:gd name="connsiteX0" fmla="*/ 0 w 1160006"/>
              <a:gd name="connsiteY0" fmla="*/ 61415 h 514800"/>
              <a:gd name="connsiteX1" fmla="*/ 1160006 w 1160006"/>
              <a:gd name="connsiteY1" fmla="*/ 0 h 514800"/>
              <a:gd name="connsiteX2" fmla="*/ 1160006 w 1160006"/>
              <a:gd name="connsiteY2" fmla="*/ 514800 h 514800"/>
              <a:gd name="connsiteX3" fmla="*/ 116006 w 1160006"/>
              <a:gd name="connsiteY3" fmla="*/ 514800 h 514800"/>
              <a:gd name="connsiteX4" fmla="*/ 0 w 1160006"/>
              <a:gd name="connsiteY4" fmla="*/ 61415 h 514800"/>
              <a:gd name="connsiteX0" fmla="*/ 0 w 1173653"/>
              <a:gd name="connsiteY0" fmla="*/ 75063 h 514800"/>
              <a:gd name="connsiteX1" fmla="*/ 1173653 w 1173653"/>
              <a:gd name="connsiteY1" fmla="*/ 0 h 514800"/>
              <a:gd name="connsiteX2" fmla="*/ 1173653 w 1173653"/>
              <a:gd name="connsiteY2" fmla="*/ 514800 h 514800"/>
              <a:gd name="connsiteX3" fmla="*/ 129653 w 1173653"/>
              <a:gd name="connsiteY3" fmla="*/ 514800 h 514800"/>
              <a:gd name="connsiteX4" fmla="*/ 0 w 1173653"/>
              <a:gd name="connsiteY4" fmla="*/ 75063 h 514800"/>
              <a:gd name="connsiteX0" fmla="*/ 0 w 1173653"/>
              <a:gd name="connsiteY0" fmla="*/ 0 h 439737"/>
              <a:gd name="connsiteX1" fmla="*/ 1023528 w 1173653"/>
              <a:gd name="connsiteY1" fmla="*/ 13650 h 439737"/>
              <a:gd name="connsiteX2" fmla="*/ 1173653 w 1173653"/>
              <a:gd name="connsiteY2" fmla="*/ 439737 h 439737"/>
              <a:gd name="connsiteX3" fmla="*/ 129653 w 1173653"/>
              <a:gd name="connsiteY3" fmla="*/ 439737 h 439737"/>
              <a:gd name="connsiteX4" fmla="*/ 0 w 1173653"/>
              <a:gd name="connsiteY4" fmla="*/ 0 h 439737"/>
              <a:gd name="connsiteX0" fmla="*/ 0 w 1173653"/>
              <a:gd name="connsiteY0" fmla="*/ 0 h 439737"/>
              <a:gd name="connsiteX1" fmla="*/ 1016704 w 1173653"/>
              <a:gd name="connsiteY1" fmla="*/ 20474 h 439737"/>
              <a:gd name="connsiteX2" fmla="*/ 1173653 w 1173653"/>
              <a:gd name="connsiteY2" fmla="*/ 439737 h 439737"/>
              <a:gd name="connsiteX3" fmla="*/ 129653 w 1173653"/>
              <a:gd name="connsiteY3" fmla="*/ 439737 h 439737"/>
              <a:gd name="connsiteX4" fmla="*/ 0 w 1173653"/>
              <a:gd name="connsiteY4" fmla="*/ 0 h 439737"/>
              <a:gd name="connsiteX0" fmla="*/ 0 w 1173653"/>
              <a:gd name="connsiteY0" fmla="*/ 0 h 439737"/>
              <a:gd name="connsiteX1" fmla="*/ 1009880 w 1173653"/>
              <a:gd name="connsiteY1" fmla="*/ 34122 h 439737"/>
              <a:gd name="connsiteX2" fmla="*/ 1173653 w 1173653"/>
              <a:gd name="connsiteY2" fmla="*/ 439737 h 439737"/>
              <a:gd name="connsiteX3" fmla="*/ 129653 w 1173653"/>
              <a:gd name="connsiteY3" fmla="*/ 439737 h 439737"/>
              <a:gd name="connsiteX4" fmla="*/ 0 w 1173653"/>
              <a:gd name="connsiteY4" fmla="*/ 0 h 439737"/>
              <a:gd name="connsiteX0" fmla="*/ 0 w 1173653"/>
              <a:gd name="connsiteY0" fmla="*/ 0 h 439737"/>
              <a:gd name="connsiteX1" fmla="*/ 1016704 w 1173653"/>
              <a:gd name="connsiteY1" fmla="*/ 27298 h 439737"/>
              <a:gd name="connsiteX2" fmla="*/ 1173653 w 1173653"/>
              <a:gd name="connsiteY2" fmla="*/ 439737 h 439737"/>
              <a:gd name="connsiteX3" fmla="*/ 129653 w 1173653"/>
              <a:gd name="connsiteY3" fmla="*/ 439737 h 439737"/>
              <a:gd name="connsiteX4" fmla="*/ 0 w 1173653"/>
              <a:gd name="connsiteY4" fmla="*/ 0 h 439737"/>
              <a:gd name="connsiteX0" fmla="*/ 0 w 1194124"/>
              <a:gd name="connsiteY0" fmla="*/ 0 h 422677"/>
              <a:gd name="connsiteX1" fmla="*/ 1037175 w 1194124"/>
              <a:gd name="connsiteY1" fmla="*/ 10238 h 422677"/>
              <a:gd name="connsiteX2" fmla="*/ 1194124 w 1194124"/>
              <a:gd name="connsiteY2" fmla="*/ 422677 h 422677"/>
              <a:gd name="connsiteX3" fmla="*/ 150124 w 1194124"/>
              <a:gd name="connsiteY3" fmla="*/ 422677 h 422677"/>
              <a:gd name="connsiteX4" fmla="*/ 0 w 1194124"/>
              <a:gd name="connsiteY4" fmla="*/ 0 h 422677"/>
              <a:gd name="connsiteX0" fmla="*/ 0 w 1197537"/>
              <a:gd name="connsiteY0" fmla="*/ 0 h 415850"/>
              <a:gd name="connsiteX1" fmla="*/ 1040588 w 1197537"/>
              <a:gd name="connsiteY1" fmla="*/ 3411 h 415850"/>
              <a:gd name="connsiteX2" fmla="*/ 1197537 w 1197537"/>
              <a:gd name="connsiteY2" fmla="*/ 415850 h 415850"/>
              <a:gd name="connsiteX3" fmla="*/ 153537 w 1197537"/>
              <a:gd name="connsiteY3" fmla="*/ 415850 h 415850"/>
              <a:gd name="connsiteX4" fmla="*/ 0 w 1197537"/>
              <a:gd name="connsiteY4" fmla="*/ 0 h 41585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97537" h="415850">
                <a:moveTo>
                  <a:pt x="0" y="0"/>
                </a:moveTo>
                <a:lnTo>
                  <a:pt x="1040588" y="3411"/>
                </a:lnTo>
                <a:lnTo>
                  <a:pt x="1197537" y="415850"/>
                </a:lnTo>
                <a:lnTo>
                  <a:pt x="153537" y="415850"/>
                </a:lnTo>
                <a:lnTo>
                  <a:pt x="0" y="0"/>
                </a:lnTo>
                <a:close/>
              </a:path>
            </a:pathLst>
          </a:cu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92" name="矩形 86">
            <a:extLst>
              <a:ext uri="{FF2B5EF4-FFF2-40B4-BE49-F238E27FC236}">
                <a16:creationId xmlns:a16="http://schemas.microsoft.com/office/drawing/2014/main" id="{EF99B78F-BF5E-441F-823A-5DFA5A360E17}"/>
              </a:ext>
            </a:extLst>
          </p:cNvPr>
          <p:cNvSpPr/>
          <p:nvPr/>
        </p:nvSpPr>
        <p:spPr>
          <a:xfrm>
            <a:off x="1336677" y="3837844"/>
            <a:ext cx="870835" cy="455023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622411 w 864205"/>
              <a:gd name="connsiteY2" fmla="*/ 256715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720000 w 864205"/>
              <a:gd name="connsiteY2" fmla="*/ 459000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9000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33714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5137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0001 w 879614"/>
              <a:gd name="connsiteY2" fmla="*/ 442142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88273 w 905295"/>
              <a:gd name="connsiteY0" fmla="*/ 0 h 450571"/>
              <a:gd name="connsiteX1" fmla="*/ 905295 w 905295"/>
              <a:gd name="connsiteY1" fmla="*/ 4189 h 450571"/>
              <a:gd name="connsiteX2" fmla="*/ 745682 w 905295"/>
              <a:gd name="connsiteY2" fmla="*/ 442142 h 450571"/>
              <a:gd name="connsiteX3" fmla="*/ 0 w 905295"/>
              <a:gd name="connsiteY3" fmla="*/ 450571 h 450571"/>
              <a:gd name="connsiteX4" fmla="*/ 188273 w 905295"/>
              <a:gd name="connsiteY4" fmla="*/ 0 h 450571"/>
              <a:gd name="connsiteX0" fmla="*/ 178001 w 895023"/>
              <a:gd name="connsiteY0" fmla="*/ 0 h 450571"/>
              <a:gd name="connsiteX1" fmla="*/ 895023 w 895023"/>
              <a:gd name="connsiteY1" fmla="*/ 4189 h 450571"/>
              <a:gd name="connsiteX2" fmla="*/ 735410 w 895023"/>
              <a:gd name="connsiteY2" fmla="*/ 442142 h 450571"/>
              <a:gd name="connsiteX3" fmla="*/ 0 w 895023"/>
              <a:gd name="connsiteY3" fmla="*/ 450571 h 450571"/>
              <a:gd name="connsiteX4" fmla="*/ 178001 w 895023"/>
              <a:gd name="connsiteY4" fmla="*/ 0 h 450571"/>
              <a:gd name="connsiteX0" fmla="*/ 178001 w 895023"/>
              <a:gd name="connsiteY0" fmla="*/ 0 h 442143"/>
              <a:gd name="connsiteX1" fmla="*/ 895023 w 895023"/>
              <a:gd name="connsiteY1" fmla="*/ 4189 h 442143"/>
              <a:gd name="connsiteX2" fmla="*/ 735410 w 895023"/>
              <a:gd name="connsiteY2" fmla="*/ 442142 h 442143"/>
              <a:gd name="connsiteX3" fmla="*/ 0 w 895023"/>
              <a:gd name="connsiteY3" fmla="*/ 442143 h 442143"/>
              <a:gd name="connsiteX4" fmla="*/ 178001 w 895023"/>
              <a:gd name="connsiteY4" fmla="*/ 0 h 442143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25286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50572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50572 h 458999"/>
              <a:gd name="connsiteX4" fmla="*/ 178001 w 895023"/>
              <a:gd name="connsiteY4" fmla="*/ 0 h 458999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29649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29649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3871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900322"/>
              <a:gd name="connsiteY0" fmla="*/ 14589 h 465161"/>
              <a:gd name="connsiteX1" fmla="*/ 900322 w 900322"/>
              <a:gd name="connsiteY1" fmla="*/ 0 h 465161"/>
              <a:gd name="connsiteX2" fmla="*/ 710906 w 900322"/>
              <a:gd name="connsiteY2" fmla="*/ 464369 h 465161"/>
              <a:gd name="connsiteX3" fmla="*/ 0 w 900322"/>
              <a:gd name="connsiteY3" fmla="*/ 465161 h 465161"/>
              <a:gd name="connsiteX4" fmla="*/ 178001 w 900322"/>
              <a:gd name="connsiteY4" fmla="*/ 14589 h 465161"/>
              <a:gd name="connsiteX0" fmla="*/ 178001 w 900322"/>
              <a:gd name="connsiteY0" fmla="*/ 5199 h 455771"/>
              <a:gd name="connsiteX1" fmla="*/ 900322 w 900322"/>
              <a:gd name="connsiteY1" fmla="*/ 0 h 455771"/>
              <a:gd name="connsiteX2" fmla="*/ 710906 w 900322"/>
              <a:gd name="connsiteY2" fmla="*/ 454979 h 455771"/>
              <a:gd name="connsiteX3" fmla="*/ 0 w 900322"/>
              <a:gd name="connsiteY3" fmla="*/ 455771 h 455771"/>
              <a:gd name="connsiteX4" fmla="*/ 178001 w 900322"/>
              <a:gd name="connsiteY4" fmla="*/ 5199 h 455771"/>
              <a:gd name="connsiteX0" fmla="*/ 178001 w 900322"/>
              <a:gd name="connsiteY0" fmla="*/ 5199 h 630293"/>
              <a:gd name="connsiteX1" fmla="*/ 900322 w 900322"/>
              <a:gd name="connsiteY1" fmla="*/ 0 h 630293"/>
              <a:gd name="connsiteX2" fmla="*/ 745457 w 900322"/>
              <a:gd name="connsiteY2" fmla="*/ 630293 h 630293"/>
              <a:gd name="connsiteX3" fmla="*/ 0 w 900322"/>
              <a:gd name="connsiteY3" fmla="*/ 455771 h 630293"/>
              <a:gd name="connsiteX4" fmla="*/ 178001 w 900322"/>
              <a:gd name="connsiteY4" fmla="*/ 5199 h 630293"/>
              <a:gd name="connsiteX0" fmla="*/ 139610 w 861931"/>
              <a:gd name="connsiteY0" fmla="*/ 5199 h 630293"/>
              <a:gd name="connsiteX1" fmla="*/ 861931 w 861931"/>
              <a:gd name="connsiteY1" fmla="*/ 0 h 630293"/>
              <a:gd name="connsiteX2" fmla="*/ 707066 w 861931"/>
              <a:gd name="connsiteY2" fmla="*/ 630293 h 630293"/>
              <a:gd name="connsiteX3" fmla="*/ 0 w 861931"/>
              <a:gd name="connsiteY3" fmla="*/ 624342 h 630293"/>
              <a:gd name="connsiteX4" fmla="*/ 139610 w 861931"/>
              <a:gd name="connsiteY4" fmla="*/ 5199 h 630293"/>
              <a:gd name="connsiteX0" fmla="*/ 135771 w 858092"/>
              <a:gd name="connsiteY0" fmla="*/ 5199 h 637827"/>
              <a:gd name="connsiteX1" fmla="*/ 858092 w 858092"/>
              <a:gd name="connsiteY1" fmla="*/ 0 h 637827"/>
              <a:gd name="connsiteX2" fmla="*/ 703227 w 858092"/>
              <a:gd name="connsiteY2" fmla="*/ 630293 h 637827"/>
              <a:gd name="connsiteX3" fmla="*/ 0 w 858092"/>
              <a:gd name="connsiteY3" fmla="*/ 637827 h 637827"/>
              <a:gd name="connsiteX4" fmla="*/ 135771 w 858092"/>
              <a:gd name="connsiteY4" fmla="*/ 5199 h 637827"/>
              <a:gd name="connsiteX0" fmla="*/ 135771 w 858092"/>
              <a:gd name="connsiteY0" fmla="*/ 5199 h 738177"/>
              <a:gd name="connsiteX1" fmla="*/ 858092 w 858092"/>
              <a:gd name="connsiteY1" fmla="*/ 0 h 738177"/>
              <a:gd name="connsiteX2" fmla="*/ 776169 w 858092"/>
              <a:gd name="connsiteY2" fmla="*/ 738177 h 738177"/>
              <a:gd name="connsiteX3" fmla="*/ 0 w 858092"/>
              <a:gd name="connsiteY3" fmla="*/ 637827 h 738177"/>
              <a:gd name="connsiteX4" fmla="*/ 135771 w 858092"/>
              <a:gd name="connsiteY4" fmla="*/ 5199 h 738177"/>
              <a:gd name="connsiteX0" fmla="*/ 97381 w 819702"/>
              <a:gd name="connsiteY0" fmla="*/ 5199 h 738969"/>
              <a:gd name="connsiteX1" fmla="*/ 819702 w 819702"/>
              <a:gd name="connsiteY1" fmla="*/ 0 h 738969"/>
              <a:gd name="connsiteX2" fmla="*/ 737779 w 819702"/>
              <a:gd name="connsiteY2" fmla="*/ 738177 h 738969"/>
              <a:gd name="connsiteX3" fmla="*/ 0 w 819702"/>
              <a:gd name="connsiteY3" fmla="*/ 738969 h 738969"/>
              <a:gd name="connsiteX4" fmla="*/ 97381 w 819702"/>
              <a:gd name="connsiteY4" fmla="*/ 5199 h 738969"/>
              <a:gd name="connsiteX0" fmla="*/ 82024 w 804345"/>
              <a:gd name="connsiteY0" fmla="*/ 5199 h 738177"/>
              <a:gd name="connsiteX1" fmla="*/ 804345 w 804345"/>
              <a:gd name="connsiteY1" fmla="*/ 0 h 738177"/>
              <a:gd name="connsiteX2" fmla="*/ 722422 w 804345"/>
              <a:gd name="connsiteY2" fmla="*/ 738177 h 738177"/>
              <a:gd name="connsiteX3" fmla="*/ 0 w 804345"/>
              <a:gd name="connsiteY3" fmla="*/ 732227 h 738177"/>
              <a:gd name="connsiteX4" fmla="*/ 82024 w 804345"/>
              <a:gd name="connsiteY4" fmla="*/ 5199 h 73817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04345" h="738177">
                <a:moveTo>
                  <a:pt x="82024" y="5199"/>
                </a:moveTo>
                <a:lnTo>
                  <a:pt x="804345" y="0"/>
                </a:lnTo>
                <a:lnTo>
                  <a:pt x="722422" y="738177"/>
                </a:lnTo>
                <a:lnTo>
                  <a:pt x="0" y="732227"/>
                </a:lnTo>
                <a:lnTo>
                  <a:pt x="82024" y="5199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93" name="矩形 86">
            <a:extLst>
              <a:ext uri="{FF2B5EF4-FFF2-40B4-BE49-F238E27FC236}">
                <a16:creationId xmlns:a16="http://schemas.microsoft.com/office/drawing/2014/main" id="{B05E931A-2A86-4172-8E9F-41ECDD8F8F52}"/>
              </a:ext>
            </a:extLst>
          </p:cNvPr>
          <p:cNvSpPr/>
          <p:nvPr/>
        </p:nvSpPr>
        <p:spPr>
          <a:xfrm flipH="1" flipV="1">
            <a:off x="1263698" y="3841007"/>
            <a:ext cx="945474" cy="353189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244772 w 961794"/>
              <a:gd name="connsiteY0" fmla="*/ 0 h 256715"/>
              <a:gd name="connsiteX1" fmla="*/ 961794 w 961794"/>
              <a:gd name="connsiteY1" fmla="*/ 92751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250864 w 961794"/>
              <a:gd name="connsiteY0" fmla="*/ 0 h 179223"/>
              <a:gd name="connsiteX1" fmla="*/ 961794 w 961794"/>
              <a:gd name="connsiteY1" fmla="*/ 15259 h 179223"/>
              <a:gd name="connsiteX2" fmla="*/ 720000 w 961794"/>
              <a:gd name="connsiteY2" fmla="*/ 179223 h 179223"/>
              <a:gd name="connsiteX3" fmla="*/ 0 w 961794"/>
              <a:gd name="connsiteY3" fmla="*/ 179223 h 179223"/>
              <a:gd name="connsiteX4" fmla="*/ 250864 w 961794"/>
              <a:gd name="connsiteY4" fmla="*/ 0 h 179223"/>
              <a:gd name="connsiteX0" fmla="*/ 250864 w 961794"/>
              <a:gd name="connsiteY0" fmla="*/ 0 h 168152"/>
              <a:gd name="connsiteX1" fmla="*/ 961794 w 961794"/>
              <a:gd name="connsiteY1" fmla="*/ 4188 h 168152"/>
              <a:gd name="connsiteX2" fmla="*/ 720000 w 961794"/>
              <a:gd name="connsiteY2" fmla="*/ 168152 h 168152"/>
              <a:gd name="connsiteX3" fmla="*/ 0 w 961794"/>
              <a:gd name="connsiteY3" fmla="*/ 168152 h 168152"/>
              <a:gd name="connsiteX4" fmla="*/ 250864 w 961794"/>
              <a:gd name="connsiteY4" fmla="*/ 0 h 168152"/>
              <a:gd name="connsiteX0" fmla="*/ 247055 w 961794"/>
              <a:gd name="connsiteY0" fmla="*/ 0 h 319648"/>
              <a:gd name="connsiteX1" fmla="*/ 961794 w 961794"/>
              <a:gd name="connsiteY1" fmla="*/ 155684 h 319648"/>
              <a:gd name="connsiteX2" fmla="*/ 720000 w 961794"/>
              <a:gd name="connsiteY2" fmla="*/ 319648 h 319648"/>
              <a:gd name="connsiteX3" fmla="*/ 0 w 961794"/>
              <a:gd name="connsiteY3" fmla="*/ 319648 h 319648"/>
              <a:gd name="connsiteX4" fmla="*/ 247055 w 961794"/>
              <a:gd name="connsiteY4" fmla="*/ 0 h 319648"/>
              <a:gd name="connsiteX0" fmla="*/ 247055 w 950366"/>
              <a:gd name="connsiteY0" fmla="*/ 2125 h 321773"/>
              <a:gd name="connsiteX1" fmla="*/ 950366 w 950366"/>
              <a:gd name="connsiteY1" fmla="*/ 0 h 321773"/>
              <a:gd name="connsiteX2" fmla="*/ 720000 w 950366"/>
              <a:gd name="connsiteY2" fmla="*/ 321773 h 321773"/>
              <a:gd name="connsiteX3" fmla="*/ 0 w 950366"/>
              <a:gd name="connsiteY3" fmla="*/ 321773 h 321773"/>
              <a:gd name="connsiteX4" fmla="*/ 247055 w 950366"/>
              <a:gd name="connsiteY4" fmla="*/ 2125 h 321773"/>
              <a:gd name="connsiteX0" fmla="*/ 250865 w 950366"/>
              <a:gd name="connsiteY0" fmla="*/ 14750 h 321773"/>
              <a:gd name="connsiteX1" fmla="*/ 950366 w 950366"/>
              <a:gd name="connsiteY1" fmla="*/ 0 h 321773"/>
              <a:gd name="connsiteX2" fmla="*/ 720000 w 950366"/>
              <a:gd name="connsiteY2" fmla="*/ 321773 h 321773"/>
              <a:gd name="connsiteX3" fmla="*/ 0 w 950366"/>
              <a:gd name="connsiteY3" fmla="*/ 321773 h 321773"/>
              <a:gd name="connsiteX4" fmla="*/ 250865 w 950366"/>
              <a:gd name="connsiteY4" fmla="*/ 14750 h 321773"/>
              <a:gd name="connsiteX0" fmla="*/ 243246 w 950366"/>
              <a:gd name="connsiteY0" fmla="*/ 0 h 325960"/>
              <a:gd name="connsiteX1" fmla="*/ 950366 w 950366"/>
              <a:gd name="connsiteY1" fmla="*/ 4187 h 325960"/>
              <a:gd name="connsiteX2" fmla="*/ 720000 w 950366"/>
              <a:gd name="connsiteY2" fmla="*/ 325960 h 325960"/>
              <a:gd name="connsiteX3" fmla="*/ 0 w 950366"/>
              <a:gd name="connsiteY3" fmla="*/ 325960 h 325960"/>
              <a:gd name="connsiteX4" fmla="*/ 243246 w 950366"/>
              <a:gd name="connsiteY4" fmla="*/ 0 h 325960"/>
              <a:gd name="connsiteX0" fmla="*/ 243246 w 950366"/>
              <a:gd name="connsiteY0" fmla="*/ 0 h 325960"/>
              <a:gd name="connsiteX1" fmla="*/ 950366 w 950366"/>
              <a:gd name="connsiteY1" fmla="*/ 4187 h 325960"/>
              <a:gd name="connsiteX2" fmla="*/ 720000 w 950366"/>
              <a:gd name="connsiteY2" fmla="*/ 325960 h 325960"/>
              <a:gd name="connsiteX3" fmla="*/ 0 w 950366"/>
              <a:gd name="connsiteY3" fmla="*/ 325960 h 325960"/>
              <a:gd name="connsiteX4" fmla="*/ 243246 w 950366"/>
              <a:gd name="connsiteY4" fmla="*/ 0 h 325960"/>
              <a:gd name="connsiteX0" fmla="*/ 243246 w 942748"/>
              <a:gd name="connsiteY0" fmla="*/ 0 h 325960"/>
              <a:gd name="connsiteX1" fmla="*/ 942748 w 942748"/>
              <a:gd name="connsiteY1" fmla="*/ 4187 h 325960"/>
              <a:gd name="connsiteX2" fmla="*/ 720000 w 942748"/>
              <a:gd name="connsiteY2" fmla="*/ 325960 h 325960"/>
              <a:gd name="connsiteX3" fmla="*/ 0 w 942748"/>
              <a:gd name="connsiteY3" fmla="*/ 325960 h 325960"/>
              <a:gd name="connsiteX4" fmla="*/ 243246 w 942748"/>
              <a:gd name="connsiteY4" fmla="*/ 0 h 325960"/>
              <a:gd name="connsiteX0" fmla="*/ 170867 w 942748"/>
              <a:gd name="connsiteY0" fmla="*/ 0 h 534267"/>
              <a:gd name="connsiteX1" fmla="*/ 942748 w 942748"/>
              <a:gd name="connsiteY1" fmla="*/ 212494 h 534267"/>
              <a:gd name="connsiteX2" fmla="*/ 720000 w 942748"/>
              <a:gd name="connsiteY2" fmla="*/ 534267 h 534267"/>
              <a:gd name="connsiteX3" fmla="*/ 0 w 942748"/>
              <a:gd name="connsiteY3" fmla="*/ 534267 h 534267"/>
              <a:gd name="connsiteX4" fmla="*/ 170867 w 942748"/>
              <a:gd name="connsiteY4" fmla="*/ 0 h 534267"/>
              <a:gd name="connsiteX0" fmla="*/ 170867 w 893225"/>
              <a:gd name="connsiteY0" fmla="*/ 0 h 534267"/>
              <a:gd name="connsiteX1" fmla="*/ 893225 w 893225"/>
              <a:gd name="connsiteY1" fmla="*/ 35749 h 534267"/>
              <a:gd name="connsiteX2" fmla="*/ 720000 w 893225"/>
              <a:gd name="connsiteY2" fmla="*/ 534267 h 534267"/>
              <a:gd name="connsiteX3" fmla="*/ 0 w 893225"/>
              <a:gd name="connsiteY3" fmla="*/ 534267 h 534267"/>
              <a:gd name="connsiteX4" fmla="*/ 170867 w 893225"/>
              <a:gd name="connsiteY4" fmla="*/ 0 h 534267"/>
              <a:gd name="connsiteX0" fmla="*/ 178486 w 893225"/>
              <a:gd name="connsiteY0" fmla="*/ 0 h 509017"/>
              <a:gd name="connsiteX1" fmla="*/ 893225 w 893225"/>
              <a:gd name="connsiteY1" fmla="*/ 10499 h 509017"/>
              <a:gd name="connsiteX2" fmla="*/ 720000 w 893225"/>
              <a:gd name="connsiteY2" fmla="*/ 509017 h 509017"/>
              <a:gd name="connsiteX3" fmla="*/ 0 w 893225"/>
              <a:gd name="connsiteY3" fmla="*/ 509017 h 509017"/>
              <a:gd name="connsiteX4" fmla="*/ 178486 w 893225"/>
              <a:gd name="connsiteY4" fmla="*/ 0 h 509017"/>
              <a:gd name="connsiteX0" fmla="*/ 178486 w 893225"/>
              <a:gd name="connsiteY0" fmla="*/ 8438 h 498518"/>
              <a:gd name="connsiteX1" fmla="*/ 893225 w 893225"/>
              <a:gd name="connsiteY1" fmla="*/ 0 h 498518"/>
              <a:gd name="connsiteX2" fmla="*/ 720000 w 893225"/>
              <a:gd name="connsiteY2" fmla="*/ 498518 h 498518"/>
              <a:gd name="connsiteX3" fmla="*/ 0 w 893225"/>
              <a:gd name="connsiteY3" fmla="*/ 498518 h 498518"/>
              <a:gd name="connsiteX4" fmla="*/ 178486 w 893225"/>
              <a:gd name="connsiteY4" fmla="*/ 8438 h 498518"/>
              <a:gd name="connsiteX0" fmla="*/ 178486 w 893225"/>
              <a:gd name="connsiteY0" fmla="*/ 8438 h 498518"/>
              <a:gd name="connsiteX1" fmla="*/ 893225 w 893225"/>
              <a:gd name="connsiteY1" fmla="*/ 0 h 498518"/>
              <a:gd name="connsiteX2" fmla="*/ 720000 w 893225"/>
              <a:gd name="connsiteY2" fmla="*/ 498518 h 498518"/>
              <a:gd name="connsiteX3" fmla="*/ 0 w 893225"/>
              <a:gd name="connsiteY3" fmla="*/ 498518 h 498518"/>
              <a:gd name="connsiteX4" fmla="*/ 178486 w 893225"/>
              <a:gd name="connsiteY4" fmla="*/ 8438 h 498518"/>
              <a:gd name="connsiteX0" fmla="*/ 178486 w 885606"/>
              <a:gd name="connsiteY0" fmla="*/ 8438 h 498518"/>
              <a:gd name="connsiteX1" fmla="*/ 885606 w 885606"/>
              <a:gd name="connsiteY1" fmla="*/ 0 h 498518"/>
              <a:gd name="connsiteX2" fmla="*/ 720000 w 885606"/>
              <a:gd name="connsiteY2" fmla="*/ 498518 h 498518"/>
              <a:gd name="connsiteX3" fmla="*/ 0 w 885606"/>
              <a:gd name="connsiteY3" fmla="*/ 498518 h 498518"/>
              <a:gd name="connsiteX4" fmla="*/ 178486 w 885606"/>
              <a:gd name="connsiteY4" fmla="*/ 8438 h 498518"/>
              <a:gd name="connsiteX0" fmla="*/ 170867 w 885606"/>
              <a:gd name="connsiteY0" fmla="*/ 0 h 521642"/>
              <a:gd name="connsiteX1" fmla="*/ 885606 w 885606"/>
              <a:gd name="connsiteY1" fmla="*/ 23124 h 521642"/>
              <a:gd name="connsiteX2" fmla="*/ 720000 w 885606"/>
              <a:gd name="connsiteY2" fmla="*/ 521642 h 521642"/>
              <a:gd name="connsiteX3" fmla="*/ 0 w 885606"/>
              <a:gd name="connsiteY3" fmla="*/ 521642 h 521642"/>
              <a:gd name="connsiteX4" fmla="*/ 170867 w 885606"/>
              <a:gd name="connsiteY4" fmla="*/ 0 h 521642"/>
              <a:gd name="connsiteX0" fmla="*/ 170867 w 881797"/>
              <a:gd name="connsiteY0" fmla="*/ 21063 h 542705"/>
              <a:gd name="connsiteX1" fmla="*/ 881797 w 881797"/>
              <a:gd name="connsiteY1" fmla="*/ 0 h 542705"/>
              <a:gd name="connsiteX2" fmla="*/ 720000 w 881797"/>
              <a:gd name="connsiteY2" fmla="*/ 542705 h 542705"/>
              <a:gd name="connsiteX3" fmla="*/ 0 w 881797"/>
              <a:gd name="connsiteY3" fmla="*/ 542705 h 542705"/>
              <a:gd name="connsiteX4" fmla="*/ 170867 w 881797"/>
              <a:gd name="connsiteY4" fmla="*/ 21063 h 542705"/>
              <a:gd name="connsiteX0" fmla="*/ 170867 w 881797"/>
              <a:gd name="connsiteY0" fmla="*/ 21063 h 542705"/>
              <a:gd name="connsiteX1" fmla="*/ 881797 w 881797"/>
              <a:gd name="connsiteY1" fmla="*/ 0 h 542705"/>
              <a:gd name="connsiteX2" fmla="*/ 720000 w 881797"/>
              <a:gd name="connsiteY2" fmla="*/ 542705 h 542705"/>
              <a:gd name="connsiteX3" fmla="*/ 0 w 881797"/>
              <a:gd name="connsiteY3" fmla="*/ 542705 h 542705"/>
              <a:gd name="connsiteX4" fmla="*/ 170867 w 881797"/>
              <a:gd name="connsiteY4" fmla="*/ 21063 h 542705"/>
              <a:gd name="connsiteX0" fmla="*/ 170867 w 881797"/>
              <a:gd name="connsiteY0" fmla="*/ 8439 h 542705"/>
              <a:gd name="connsiteX1" fmla="*/ 881797 w 881797"/>
              <a:gd name="connsiteY1" fmla="*/ 0 h 542705"/>
              <a:gd name="connsiteX2" fmla="*/ 720000 w 881797"/>
              <a:gd name="connsiteY2" fmla="*/ 542705 h 542705"/>
              <a:gd name="connsiteX3" fmla="*/ 0 w 881797"/>
              <a:gd name="connsiteY3" fmla="*/ 542705 h 542705"/>
              <a:gd name="connsiteX4" fmla="*/ 170867 w 881797"/>
              <a:gd name="connsiteY4" fmla="*/ 8439 h 542705"/>
              <a:gd name="connsiteX0" fmla="*/ 170867 w 881797"/>
              <a:gd name="connsiteY0" fmla="*/ 2127 h 536393"/>
              <a:gd name="connsiteX1" fmla="*/ 881797 w 881797"/>
              <a:gd name="connsiteY1" fmla="*/ 0 h 536393"/>
              <a:gd name="connsiteX2" fmla="*/ 720000 w 881797"/>
              <a:gd name="connsiteY2" fmla="*/ 536393 h 536393"/>
              <a:gd name="connsiteX3" fmla="*/ 0 w 881797"/>
              <a:gd name="connsiteY3" fmla="*/ 536393 h 536393"/>
              <a:gd name="connsiteX4" fmla="*/ 170867 w 881797"/>
              <a:gd name="connsiteY4" fmla="*/ 2127 h 536393"/>
              <a:gd name="connsiteX0" fmla="*/ 170867 w 874179"/>
              <a:gd name="connsiteY0" fmla="*/ 2127 h 536393"/>
              <a:gd name="connsiteX1" fmla="*/ 874179 w 874179"/>
              <a:gd name="connsiteY1" fmla="*/ 0 h 536393"/>
              <a:gd name="connsiteX2" fmla="*/ 720000 w 874179"/>
              <a:gd name="connsiteY2" fmla="*/ 536393 h 536393"/>
              <a:gd name="connsiteX3" fmla="*/ 0 w 874179"/>
              <a:gd name="connsiteY3" fmla="*/ 536393 h 536393"/>
              <a:gd name="connsiteX4" fmla="*/ 170867 w 874179"/>
              <a:gd name="connsiteY4" fmla="*/ 2127 h 536393"/>
              <a:gd name="connsiteX0" fmla="*/ 170867 w 866560"/>
              <a:gd name="connsiteY0" fmla="*/ 2127 h 536393"/>
              <a:gd name="connsiteX1" fmla="*/ 866560 w 866560"/>
              <a:gd name="connsiteY1" fmla="*/ 0 h 536393"/>
              <a:gd name="connsiteX2" fmla="*/ 720000 w 866560"/>
              <a:gd name="connsiteY2" fmla="*/ 536393 h 536393"/>
              <a:gd name="connsiteX3" fmla="*/ 0 w 866560"/>
              <a:gd name="connsiteY3" fmla="*/ 536393 h 536393"/>
              <a:gd name="connsiteX4" fmla="*/ 170867 w 866560"/>
              <a:gd name="connsiteY4" fmla="*/ 2127 h 53639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66560" h="536393">
                <a:moveTo>
                  <a:pt x="170867" y="2127"/>
                </a:moveTo>
                <a:lnTo>
                  <a:pt x="866560" y="0"/>
                </a:lnTo>
                <a:lnTo>
                  <a:pt x="720000" y="536393"/>
                </a:lnTo>
                <a:lnTo>
                  <a:pt x="0" y="536393"/>
                </a:lnTo>
                <a:lnTo>
                  <a:pt x="170867" y="2127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94" name="矩形 86">
            <a:extLst>
              <a:ext uri="{FF2B5EF4-FFF2-40B4-BE49-F238E27FC236}">
                <a16:creationId xmlns:a16="http://schemas.microsoft.com/office/drawing/2014/main" id="{F1B314CD-9089-478F-BB08-528DB4069930}"/>
              </a:ext>
            </a:extLst>
          </p:cNvPr>
          <p:cNvSpPr/>
          <p:nvPr/>
        </p:nvSpPr>
        <p:spPr>
          <a:xfrm flipV="1">
            <a:off x="1214611" y="2513134"/>
            <a:ext cx="986291" cy="280944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622411 w 864205"/>
              <a:gd name="connsiteY2" fmla="*/ 256715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720000 w 864205"/>
              <a:gd name="connsiteY2" fmla="*/ 459000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9000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33714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5137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0001 w 879614"/>
              <a:gd name="connsiteY2" fmla="*/ 442142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88273 w 905295"/>
              <a:gd name="connsiteY0" fmla="*/ 0 h 450571"/>
              <a:gd name="connsiteX1" fmla="*/ 905295 w 905295"/>
              <a:gd name="connsiteY1" fmla="*/ 4189 h 450571"/>
              <a:gd name="connsiteX2" fmla="*/ 745682 w 905295"/>
              <a:gd name="connsiteY2" fmla="*/ 442142 h 450571"/>
              <a:gd name="connsiteX3" fmla="*/ 0 w 905295"/>
              <a:gd name="connsiteY3" fmla="*/ 450571 h 450571"/>
              <a:gd name="connsiteX4" fmla="*/ 188273 w 905295"/>
              <a:gd name="connsiteY4" fmla="*/ 0 h 450571"/>
              <a:gd name="connsiteX0" fmla="*/ 178001 w 895023"/>
              <a:gd name="connsiteY0" fmla="*/ 0 h 450571"/>
              <a:gd name="connsiteX1" fmla="*/ 895023 w 895023"/>
              <a:gd name="connsiteY1" fmla="*/ 4189 h 450571"/>
              <a:gd name="connsiteX2" fmla="*/ 735410 w 895023"/>
              <a:gd name="connsiteY2" fmla="*/ 442142 h 450571"/>
              <a:gd name="connsiteX3" fmla="*/ 0 w 895023"/>
              <a:gd name="connsiteY3" fmla="*/ 450571 h 450571"/>
              <a:gd name="connsiteX4" fmla="*/ 178001 w 895023"/>
              <a:gd name="connsiteY4" fmla="*/ 0 h 450571"/>
              <a:gd name="connsiteX0" fmla="*/ 178001 w 895023"/>
              <a:gd name="connsiteY0" fmla="*/ 0 h 442143"/>
              <a:gd name="connsiteX1" fmla="*/ 895023 w 895023"/>
              <a:gd name="connsiteY1" fmla="*/ 4189 h 442143"/>
              <a:gd name="connsiteX2" fmla="*/ 735410 w 895023"/>
              <a:gd name="connsiteY2" fmla="*/ 442142 h 442143"/>
              <a:gd name="connsiteX3" fmla="*/ 0 w 895023"/>
              <a:gd name="connsiteY3" fmla="*/ 442143 h 442143"/>
              <a:gd name="connsiteX4" fmla="*/ 178001 w 895023"/>
              <a:gd name="connsiteY4" fmla="*/ 0 h 442143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25286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50572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50572 h 458999"/>
              <a:gd name="connsiteX4" fmla="*/ 178001 w 895023"/>
              <a:gd name="connsiteY4" fmla="*/ 0 h 458999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29649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29649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3871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900322"/>
              <a:gd name="connsiteY0" fmla="*/ 14589 h 465161"/>
              <a:gd name="connsiteX1" fmla="*/ 900322 w 900322"/>
              <a:gd name="connsiteY1" fmla="*/ 0 h 465161"/>
              <a:gd name="connsiteX2" fmla="*/ 710906 w 900322"/>
              <a:gd name="connsiteY2" fmla="*/ 464369 h 465161"/>
              <a:gd name="connsiteX3" fmla="*/ 0 w 900322"/>
              <a:gd name="connsiteY3" fmla="*/ 465161 h 465161"/>
              <a:gd name="connsiteX4" fmla="*/ 178001 w 900322"/>
              <a:gd name="connsiteY4" fmla="*/ 14589 h 465161"/>
              <a:gd name="connsiteX0" fmla="*/ 178001 w 900322"/>
              <a:gd name="connsiteY0" fmla="*/ 5199 h 455771"/>
              <a:gd name="connsiteX1" fmla="*/ 900322 w 900322"/>
              <a:gd name="connsiteY1" fmla="*/ 0 h 455771"/>
              <a:gd name="connsiteX2" fmla="*/ 710906 w 900322"/>
              <a:gd name="connsiteY2" fmla="*/ 454979 h 455771"/>
              <a:gd name="connsiteX3" fmla="*/ 0 w 900322"/>
              <a:gd name="connsiteY3" fmla="*/ 455771 h 455771"/>
              <a:gd name="connsiteX4" fmla="*/ 178001 w 900322"/>
              <a:gd name="connsiteY4" fmla="*/ 5199 h 45577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00322" h="455771">
                <a:moveTo>
                  <a:pt x="178001" y="5199"/>
                </a:moveTo>
                <a:lnTo>
                  <a:pt x="900322" y="0"/>
                </a:lnTo>
                <a:lnTo>
                  <a:pt x="710906" y="454979"/>
                </a:lnTo>
                <a:lnTo>
                  <a:pt x="0" y="455771"/>
                </a:lnTo>
                <a:lnTo>
                  <a:pt x="178001" y="5199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95" name="矩形 55">
            <a:extLst>
              <a:ext uri="{FF2B5EF4-FFF2-40B4-BE49-F238E27FC236}">
                <a16:creationId xmlns:a16="http://schemas.microsoft.com/office/drawing/2014/main" id="{898DC6E2-30C0-4780-8EF0-F8D7D4D95D75}"/>
              </a:ext>
            </a:extLst>
          </p:cNvPr>
          <p:cNvSpPr/>
          <p:nvPr/>
        </p:nvSpPr>
        <p:spPr>
          <a:xfrm rot="16200000">
            <a:off x="638087" y="3326953"/>
            <a:ext cx="1313007" cy="262020"/>
          </a:xfrm>
          <a:custGeom>
            <a:avLst/>
            <a:gdLst>
              <a:gd name="connsiteX0" fmla="*/ 0 w 1044000"/>
              <a:gd name="connsiteY0" fmla="*/ 0 h 514800"/>
              <a:gd name="connsiteX1" fmla="*/ 1044000 w 1044000"/>
              <a:gd name="connsiteY1" fmla="*/ 0 h 514800"/>
              <a:gd name="connsiteX2" fmla="*/ 1044000 w 1044000"/>
              <a:gd name="connsiteY2" fmla="*/ 514800 h 514800"/>
              <a:gd name="connsiteX3" fmla="*/ 0 w 1044000"/>
              <a:gd name="connsiteY3" fmla="*/ 514800 h 514800"/>
              <a:gd name="connsiteX4" fmla="*/ 0 w 1044000"/>
              <a:gd name="connsiteY4" fmla="*/ 0 h 514800"/>
              <a:gd name="connsiteX0" fmla="*/ 280219 w 1324219"/>
              <a:gd name="connsiteY0" fmla="*/ 266864 h 781664"/>
              <a:gd name="connsiteX1" fmla="*/ 1324219 w 1324219"/>
              <a:gd name="connsiteY1" fmla="*/ 266864 h 781664"/>
              <a:gd name="connsiteX2" fmla="*/ 1324219 w 1324219"/>
              <a:gd name="connsiteY2" fmla="*/ 781664 h 781664"/>
              <a:gd name="connsiteX3" fmla="*/ 0 w 1324219"/>
              <a:gd name="connsiteY3" fmla="*/ 0 h 781664"/>
              <a:gd name="connsiteX4" fmla="*/ 280219 w 1324219"/>
              <a:gd name="connsiteY4" fmla="*/ 266864 h 7816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36626 w 1324219"/>
              <a:gd name="connsiteY2" fmla="*/ 7377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36626 w 1324219"/>
              <a:gd name="connsiteY2" fmla="*/ 7380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29252 w 1324219"/>
              <a:gd name="connsiteY2" fmla="*/ 9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44000 w 1324219"/>
              <a:gd name="connsiteY2" fmla="*/ 12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324219" h="266864">
                <a:moveTo>
                  <a:pt x="280219" y="266864"/>
                </a:moveTo>
                <a:lnTo>
                  <a:pt x="1324219" y="266864"/>
                </a:lnTo>
                <a:lnTo>
                  <a:pt x="1044000" y="12"/>
                </a:lnTo>
                <a:lnTo>
                  <a:pt x="0" y="0"/>
                </a:lnTo>
                <a:lnTo>
                  <a:pt x="280219" y="266864"/>
                </a:lnTo>
                <a:close/>
              </a:path>
            </a:pathLst>
          </a:cu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97" name="矩形 56">
            <a:extLst>
              <a:ext uri="{FF2B5EF4-FFF2-40B4-BE49-F238E27FC236}">
                <a16:creationId xmlns:a16="http://schemas.microsoft.com/office/drawing/2014/main" id="{BD9132EB-8271-4422-8EA9-91260A95A1BF}"/>
              </a:ext>
            </a:extLst>
          </p:cNvPr>
          <p:cNvSpPr/>
          <p:nvPr/>
        </p:nvSpPr>
        <p:spPr>
          <a:xfrm>
            <a:off x="1158797" y="3840767"/>
            <a:ext cx="1044732" cy="269251"/>
          </a:xfrm>
          <a:custGeom>
            <a:avLst/>
            <a:gdLst>
              <a:gd name="connsiteX0" fmla="*/ 0 w 781200"/>
              <a:gd name="connsiteY0" fmla="*/ 0 h 514800"/>
              <a:gd name="connsiteX1" fmla="*/ 781200 w 781200"/>
              <a:gd name="connsiteY1" fmla="*/ 0 h 514800"/>
              <a:gd name="connsiteX2" fmla="*/ 781200 w 781200"/>
              <a:gd name="connsiteY2" fmla="*/ 514800 h 514800"/>
              <a:gd name="connsiteX3" fmla="*/ 0 w 781200"/>
              <a:gd name="connsiteY3" fmla="*/ 514800 h 514800"/>
              <a:gd name="connsiteX4" fmla="*/ 0 w 781200"/>
              <a:gd name="connsiteY4" fmla="*/ 0 h 514800"/>
              <a:gd name="connsiteX0" fmla="*/ 0 w 781200"/>
              <a:gd name="connsiteY0" fmla="*/ 0 h 803787"/>
              <a:gd name="connsiteX1" fmla="*/ 515729 w 781200"/>
              <a:gd name="connsiteY1" fmla="*/ 803787 h 803787"/>
              <a:gd name="connsiteX2" fmla="*/ 781200 w 781200"/>
              <a:gd name="connsiteY2" fmla="*/ 514800 h 803787"/>
              <a:gd name="connsiteX3" fmla="*/ 0 w 781200"/>
              <a:gd name="connsiteY3" fmla="*/ 514800 h 803787"/>
              <a:gd name="connsiteX4" fmla="*/ 0 w 781200"/>
              <a:gd name="connsiteY4" fmla="*/ 0 h 803787"/>
              <a:gd name="connsiteX0" fmla="*/ 0 w 1031922"/>
              <a:gd name="connsiteY0" fmla="*/ 274238 h 288987"/>
              <a:gd name="connsiteX1" fmla="*/ 766451 w 1031922"/>
              <a:gd name="connsiteY1" fmla="*/ 288987 h 288987"/>
              <a:gd name="connsiteX2" fmla="*/ 1031922 w 1031922"/>
              <a:gd name="connsiteY2" fmla="*/ 0 h 288987"/>
              <a:gd name="connsiteX3" fmla="*/ 250722 w 1031922"/>
              <a:gd name="connsiteY3" fmla="*/ 0 h 288987"/>
              <a:gd name="connsiteX4" fmla="*/ 0 w 1031922"/>
              <a:gd name="connsiteY4" fmla="*/ 274238 h 288987"/>
              <a:gd name="connsiteX0" fmla="*/ 0 w 1039296"/>
              <a:gd name="connsiteY0" fmla="*/ 274238 h 288987"/>
              <a:gd name="connsiteX1" fmla="*/ 773825 w 1039296"/>
              <a:gd name="connsiteY1" fmla="*/ 288987 h 288987"/>
              <a:gd name="connsiteX2" fmla="*/ 1039296 w 1039296"/>
              <a:gd name="connsiteY2" fmla="*/ 0 h 288987"/>
              <a:gd name="connsiteX3" fmla="*/ 258096 w 1039296"/>
              <a:gd name="connsiteY3" fmla="*/ 0 h 288987"/>
              <a:gd name="connsiteX4" fmla="*/ 0 w 1039296"/>
              <a:gd name="connsiteY4" fmla="*/ 274238 h 288987"/>
              <a:gd name="connsiteX0" fmla="*/ 0 w 1039296"/>
              <a:gd name="connsiteY0" fmla="*/ 274238 h 303735"/>
              <a:gd name="connsiteX1" fmla="*/ 773825 w 1039296"/>
              <a:gd name="connsiteY1" fmla="*/ 303735 h 303735"/>
              <a:gd name="connsiteX2" fmla="*/ 1039296 w 1039296"/>
              <a:gd name="connsiteY2" fmla="*/ 0 h 303735"/>
              <a:gd name="connsiteX3" fmla="*/ 258096 w 1039296"/>
              <a:gd name="connsiteY3" fmla="*/ 0 h 303735"/>
              <a:gd name="connsiteX4" fmla="*/ 0 w 1039296"/>
              <a:gd name="connsiteY4" fmla="*/ 274238 h 303735"/>
              <a:gd name="connsiteX0" fmla="*/ 0 w 1039296"/>
              <a:gd name="connsiteY0" fmla="*/ 274238 h 296361"/>
              <a:gd name="connsiteX1" fmla="*/ 773825 w 1039296"/>
              <a:gd name="connsiteY1" fmla="*/ 296361 h 296361"/>
              <a:gd name="connsiteX2" fmla="*/ 1039296 w 1039296"/>
              <a:gd name="connsiteY2" fmla="*/ 0 h 296361"/>
              <a:gd name="connsiteX3" fmla="*/ 258096 w 1039296"/>
              <a:gd name="connsiteY3" fmla="*/ 0 h 296361"/>
              <a:gd name="connsiteX4" fmla="*/ 0 w 1039296"/>
              <a:gd name="connsiteY4" fmla="*/ 274238 h 296361"/>
              <a:gd name="connsiteX0" fmla="*/ 0 w 1039296"/>
              <a:gd name="connsiteY0" fmla="*/ 274238 h 288986"/>
              <a:gd name="connsiteX1" fmla="*/ 773825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5697"/>
              <a:gd name="connsiteX1" fmla="*/ 781199 w 1039296"/>
              <a:gd name="connsiteY1" fmla="*/ 285697 h 285697"/>
              <a:gd name="connsiteX2" fmla="*/ 1039296 w 1039296"/>
              <a:gd name="connsiteY2" fmla="*/ 0 h 285697"/>
              <a:gd name="connsiteX3" fmla="*/ 258096 w 1039296"/>
              <a:gd name="connsiteY3" fmla="*/ 0 h 285697"/>
              <a:gd name="connsiteX4" fmla="*/ 0 w 1039296"/>
              <a:gd name="connsiteY4" fmla="*/ 274238 h 285697"/>
              <a:gd name="connsiteX0" fmla="*/ 0 w 1039296"/>
              <a:gd name="connsiteY0" fmla="*/ 274238 h 282408"/>
              <a:gd name="connsiteX1" fmla="*/ 781199 w 1039296"/>
              <a:gd name="connsiteY1" fmla="*/ 282408 h 282408"/>
              <a:gd name="connsiteX2" fmla="*/ 1039296 w 1039296"/>
              <a:gd name="connsiteY2" fmla="*/ 0 h 282408"/>
              <a:gd name="connsiteX3" fmla="*/ 258096 w 1039296"/>
              <a:gd name="connsiteY3" fmla="*/ 0 h 282408"/>
              <a:gd name="connsiteX4" fmla="*/ 0 w 1039296"/>
              <a:gd name="connsiteY4" fmla="*/ 274238 h 282408"/>
              <a:gd name="connsiteX0" fmla="*/ 0 w 1039296"/>
              <a:gd name="connsiteY0" fmla="*/ 274238 h 279118"/>
              <a:gd name="connsiteX1" fmla="*/ 784488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39296"/>
              <a:gd name="connsiteY0" fmla="*/ 274238 h 279118"/>
              <a:gd name="connsiteX1" fmla="*/ 784488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39296"/>
              <a:gd name="connsiteY0" fmla="*/ 274238 h 279118"/>
              <a:gd name="connsiteX1" fmla="*/ 777910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52452"/>
              <a:gd name="connsiteY0" fmla="*/ 277527 h 279118"/>
              <a:gd name="connsiteX1" fmla="*/ 791066 w 1052452"/>
              <a:gd name="connsiteY1" fmla="*/ 279118 h 279118"/>
              <a:gd name="connsiteX2" fmla="*/ 1052452 w 1052452"/>
              <a:gd name="connsiteY2" fmla="*/ 0 h 279118"/>
              <a:gd name="connsiteX3" fmla="*/ 271252 w 1052452"/>
              <a:gd name="connsiteY3" fmla="*/ 0 h 279118"/>
              <a:gd name="connsiteX4" fmla="*/ 0 w 1052452"/>
              <a:gd name="connsiteY4" fmla="*/ 277527 h 279118"/>
              <a:gd name="connsiteX0" fmla="*/ 0 w 1049162"/>
              <a:gd name="connsiteY0" fmla="*/ 277527 h 279118"/>
              <a:gd name="connsiteX1" fmla="*/ 787776 w 1049162"/>
              <a:gd name="connsiteY1" fmla="*/ 279118 h 279118"/>
              <a:gd name="connsiteX2" fmla="*/ 1049162 w 1049162"/>
              <a:gd name="connsiteY2" fmla="*/ 0 h 279118"/>
              <a:gd name="connsiteX3" fmla="*/ 267962 w 1049162"/>
              <a:gd name="connsiteY3" fmla="*/ 0 h 279118"/>
              <a:gd name="connsiteX4" fmla="*/ 0 w 1049162"/>
              <a:gd name="connsiteY4" fmla="*/ 277527 h 279118"/>
              <a:gd name="connsiteX0" fmla="*/ 0 w 1049162"/>
              <a:gd name="connsiteY0" fmla="*/ 277527 h 279118"/>
              <a:gd name="connsiteX1" fmla="*/ 787776 w 1049162"/>
              <a:gd name="connsiteY1" fmla="*/ 279118 h 279118"/>
              <a:gd name="connsiteX2" fmla="*/ 1049162 w 1049162"/>
              <a:gd name="connsiteY2" fmla="*/ 9867 h 279118"/>
              <a:gd name="connsiteX3" fmla="*/ 267962 w 1049162"/>
              <a:gd name="connsiteY3" fmla="*/ 0 h 279118"/>
              <a:gd name="connsiteX4" fmla="*/ 0 w 1049162"/>
              <a:gd name="connsiteY4" fmla="*/ 277527 h 279118"/>
              <a:gd name="connsiteX0" fmla="*/ 0 w 1049162"/>
              <a:gd name="connsiteY0" fmla="*/ 267660 h 269251"/>
              <a:gd name="connsiteX1" fmla="*/ 787776 w 1049162"/>
              <a:gd name="connsiteY1" fmla="*/ 269251 h 269251"/>
              <a:gd name="connsiteX2" fmla="*/ 1049162 w 1049162"/>
              <a:gd name="connsiteY2" fmla="*/ 0 h 269251"/>
              <a:gd name="connsiteX3" fmla="*/ 264658 w 1049162"/>
              <a:gd name="connsiteY3" fmla="*/ 0 h 269251"/>
              <a:gd name="connsiteX4" fmla="*/ 0 w 1049162"/>
              <a:gd name="connsiteY4" fmla="*/ 267660 h 26925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49162" h="269251">
                <a:moveTo>
                  <a:pt x="0" y="267660"/>
                </a:moveTo>
                <a:lnTo>
                  <a:pt x="787776" y="269251"/>
                </a:lnTo>
                <a:lnTo>
                  <a:pt x="1049162" y="0"/>
                </a:lnTo>
                <a:lnTo>
                  <a:pt x="264658" y="0"/>
                </a:lnTo>
                <a:lnTo>
                  <a:pt x="0" y="267660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98" name="矩形 86">
            <a:extLst>
              <a:ext uri="{FF2B5EF4-FFF2-40B4-BE49-F238E27FC236}">
                <a16:creationId xmlns:a16="http://schemas.microsoft.com/office/drawing/2014/main" id="{4E2752A8-B514-42B3-A58A-29E2E050CF53}"/>
              </a:ext>
            </a:extLst>
          </p:cNvPr>
          <p:cNvSpPr/>
          <p:nvPr/>
        </p:nvSpPr>
        <p:spPr>
          <a:xfrm flipH="1" flipV="1">
            <a:off x="1135759" y="2796844"/>
            <a:ext cx="1073766" cy="57931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244772 w 961794"/>
              <a:gd name="connsiteY0" fmla="*/ 0 h 256715"/>
              <a:gd name="connsiteX1" fmla="*/ 961794 w 961794"/>
              <a:gd name="connsiteY1" fmla="*/ 92751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250864 w 961794"/>
              <a:gd name="connsiteY0" fmla="*/ 0 h 179223"/>
              <a:gd name="connsiteX1" fmla="*/ 961794 w 961794"/>
              <a:gd name="connsiteY1" fmla="*/ 15259 h 179223"/>
              <a:gd name="connsiteX2" fmla="*/ 720000 w 961794"/>
              <a:gd name="connsiteY2" fmla="*/ 179223 h 179223"/>
              <a:gd name="connsiteX3" fmla="*/ 0 w 961794"/>
              <a:gd name="connsiteY3" fmla="*/ 179223 h 179223"/>
              <a:gd name="connsiteX4" fmla="*/ 250864 w 961794"/>
              <a:gd name="connsiteY4" fmla="*/ 0 h 179223"/>
              <a:gd name="connsiteX0" fmla="*/ 250864 w 961794"/>
              <a:gd name="connsiteY0" fmla="*/ 0 h 168152"/>
              <a:gd name="connsiteX1" fmla="*/ 961794 w 961794"/>
              <a:gd name="connsiteY1" fmla="*/ 4188 h 168152"/>
              <a:gd name="connsiteX2" fmla="*/ 720000 w 961794"/>
              <a:gd name="connsiteY2" fmla="*/ 168152 h 168152"/>
              <a:gd name="connsiteX3" fmla="*/ 0 w 961794"/>
              <a:gd name="connsiteY3" fmla="*/ 168152 h 168152"/>
              <a:gd name="connsiteX4" fmla="*/ 250864 w 961794"/>
              <a:gd name="connsiteY4" fmla="*/ 0 h 168152"/>
              <a:gd name="connsiteX0" fmla="*/ 250864 w 961794"/>
              <a:gd name="connsiteY0" fmla="*/ 0 h 168152"/>
              <a:gd name="connsiteX1" fmla="*/ 961794 w 961794"/>
              <a:gd name="connsiteY1" fmla="*/ 98588 h 168152"/>
              <a:gd name="connsiteX2" fmla="*/ 720000 w 961794"/>
              <a:gd name="connsiteY2" fmla="*/ 168152 h 168152"/>
              <a:gd name="connsiteX3" fmla="*/ 0 w 961794"/>
              <a:gd name="connsiteY3" fmla="*/ 168152 h 168152"/>
              <a:gd name="connsiteX4" fmla="*/ 250864 w 961794"/>
              <a:gd name="connsiteY4" fmla="*/ 0 h 168152"/>
              <a:gd name="connsiteX0" fmla="*/ 250864 w 961794"/>
              <a:gd name="connsiteY0" fmla="*/ 0 h 80495"/>
              <a:gd name="connsiteX1" fmla="*/ 961794 w 961794"/>
              <a:gd name="connsiteY1" fmla="*/ 10931 h 80495"/>
              <a:gd name="connsiteX2" fmla="*/ 720000 w 961794"/>
              <a:gd name="connsiteY2" fmla="*/ 80495 h 80495"/>
              <a:gd name="connsiteX3" fmla="*/ 0 w 961794"/>
              <a:gd name="connsiteY3" fmla="*/ 80495 h 80495"/>
              <a:gd name="connsiteX4" fmla="*/ 250864 w 961794"/>
              <a:gd name="connsiteY4" fmla="*/ 0 h 80495"/>
              <a:gd name="connsiteX0" fmla="*/ 250864 w 961794"/>
              <a:gd name="connsiteY0" fmla="*/ 0 h 93981"/>
              <a:gd name="connsiteX1" fmla="*/ 961794 w 961794"/>
              <a:gd name="connsiteY1" fmla="*/ 24417 h 93981"/>
              <a:gd name="connsiteX2" fmla="*/ 720000 w 961794"/>
              <a:gd name="connsiteY2" fmla="*/ 93981 h 93981"/>
              <a:gd name="connsiteX3" fmla="*/ 0 w 961794"/>
              <a:gd name="connsiteY3" fmla="*/ 93981 h 93981"/>
              <a:gd name="connsiteX4" fmla="*/ 250864 w 961794"/>
              <a:gd name="connsiteY4" fmla="*/ 0 h 93981"/>
              <a:gd name="connsiteX0" fmla="*/ 250864 w 969298"/>
              <a:gd name="connsiteY0" fmla="*/ 0 h 93981"/>
              <a:gd name="connsiteX1" fmla="*/ 969298 w 969298"/>
              <a:gd name="connsiteY1" fmla="*/ 10933 h 93981"/>
              <a:gd name="connsiteX2" fmla="*/ 720000 w 969298"/>
              <a:gd name="connsiteY2" fmla="*/ 93981 h 93981"/>
              <a:gd name="connsiteX3" fmla="*/ 0 w 969298"/>
              <a:gd name="connsiteY3" fmla="*/ 93981 h 93981"/>
              <a:gd name="connsiteX4" fmla="*/ 250864 w 969298"/>
              <a:gd name="connsiteY4" fmla="*/ 0 h 93981"/>
              <a:gd name="connsiteX0" fmla="*/ 250864 w 969298"/>
              <a:gd name="connsiteY0" fmla="*/ 0 h 93981"/>
              <a:gd name="connsiteX1" fmla="*/ 969298 w 969298"/>
              <a:gd name="connsiteY1" fmla="*/ 10933 h 93981"/>
              <a:gd name="connsiteX2" fmla="*/ 720000 w 969298"/>
              <a:gd name="connsiteY2" fmla="*/ 93981 h 93981"/>
              <a:gd name="connsiteX3" fmla="*/ 0 w 969298"/>
              <a:gd name="connsiteY3" fmla="*/ 93981 h 93981"/>
              <a:gd name="connsiteX4" fmla="*/ 250864 w 969298"/>
              <a:gd name="connsiteY4" fmla="*/ 0 h 93981"/>
              <a:gd name="connsiteX0" fmla="*/ 250864 w 969298"/>
              <a:gd name="connsiteY0" fmla="*/ 0 h 93981"/>
              <a:gd name="connsiteX1" fmla="*/ 969298 w 969298"/>
              <a:gd name="connsiteY1" fmla="*/ 4189 h 93981"/>
              <a:gd name="connsiteX2" fmla="*/ 720000 w 969298"/>
              <a:gd name="connsiteY2" fmla="*/ 93981 h 93981"/>
              <a:gd name="connsiteX3" fmla="*/ 0 w 969298"/>
              <a:gd name="connsiteY3" fmla="*/ 93981 h 93981"/>
              <a:gd name="connsiteX4" fmla="*/ 250864 w 969298"/>
              <a:gd name="connsiteY4" fmla="*/ 0 h 9398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69298" h="93981">
                <a:moveTo>
                  <a:pt x="250864" y="0"/>
                </a:moveTo>
                <a:lnTo>
                  <a:pt x="969298" y="4189"/>
                </a:lnTo>
                <a:lnTo>
                  <a:pt x="720000" y="93981"/>
                </a:lnTo>
                <a:lnTo>
                  <a:pt x="0" y="93981"/>
                </a:lnTo>
                <a:lnTo>
                  <a:pt x="250864" y="0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99" name="矩形 98">
            <a:extLst>
              <a:ext uri="{FF2B5EF4-FFF2-40B4-BE49-F238E27FC236}">
                <a16:creationId xmlns:a16="http://schemas.microsoft.com/office/drawing/2014/main" id="{7579AA65-BD79-428A-8C00-2D10E3A93585}"/>
              </a:ext>
            </a:extLst>
          </p:cNvPr>
          <p:cNvSpPr/>
          <p:nvPr/>
        </p:nvSpPr>
        <p:spPr>
          <a:xfrm>
            <a:off x="1149690" y="3067897"/>
            <a:ext cx="781200" cy="104400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0" name="矩形 55">
            <a:extLst>
              <a:ext uri="{FF2B5EF4-FFF2-40B4-BE49-F238E27FC236}">
                <a16:creationId xmlns:a16="http://schemas.microsoft.com/office/drawing/2014/main" id="{9837A6FA-3C1A-47CD-AC7F-4B9D03CAE5A9}"/>
              </a:ext>
            </a:extLst>
          </p:cNvPr>
          <p:cNvSpPr/>
          <p:nvPr/>
        </p:nvSpPr>
        <p:spPr>
          <a:xfrm rot="16200000">
            <a:off x="1405398" y="3324384"/>
            <a:ext cx="1313007" cy="262020"/>
          </a:xfrm>
          <a:custGeom>
            <a:avLst/>
            <a:gdLst>
              <a:gd name="connsiteX0" fmla="*/ 0 w 1044000"/>
              <a:gd name="connsiteY0" fmla="*/ 0 h 514800"/>
              <a:gd name="connsiteX1" fmla="*/ 1044000 w 1044000"/>
              <a:gd name="connsiteY1" fmla="*/ 0 h 514800"/>
              <a:gd name="connsiteX2" fmla="*/ 1044000 w 1044000"/>
              <a:gd name="connsiteY2" fmla="*/ 514800 h 514800"/>
              <a:gd name="connsiteX3" fmla="*/ 0 w 1044000"/>
              <a:gd name="connsiteY3" fmla="*/ 514800 h 514800"/>
              <a:gd name="connsiteX4" fmla="*/ 0 w 1044000"/>
              <a:gd name="connsiteY4" fmla="*/ 0 h 514800"/>
              <a:gd name="connsiteX0" fmla="*/ 280219 w 1324219"/>
              <a:gd name="connsiteY0" fmla="*/ 266864 h 781664"/>
              <a:gd name="connsiteX1" fmla="*/ 1324219 w 1324219"/>
              <a:gd name="connsiteY1" fmla="*/ 266864 h 781664"/>
              <a:gd name="connsiteX2" fmla="*/ 1324219 w 1324219"/>
              <a:gd name="connsiteY2" fmla="*/ 781664 h 781664"/>
              <a:gd name="connsiteX3" fmla="*/ 0 w 1324219"/>
              <a:gd name="connsiteY3" fmla="*/ 0 h 781664"/>
              <a:gd name="connsiteX4" fmla="*/ 280219 w 1324219"/>
              <a:gd name="connsiteY4" fmla="*/ 266864 h 7816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36626 w 1324219"/>
              <a:gd name="connsiteY2" fmla="*/ 7377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36626 w 1324219"/>
              <a:gd name="connsiteY2" fmla="*/ 7380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29252 w 1324219"/>
              <a:gd name="connsiteY2" fmla="*/ 9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44000 w 1324219"/>
              <a:gd name="connsiteY2" fmla="*/ 12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324219" h="266864">
                <a:moveTo>
                  <a:pt x="280219" y="266864"/>
                </a:moveTo>
                <a:lnTo>
                  <a:pt x="1324219" y="266864"/>
                </a:lnTo>
                <a:lnTo>
                  <a:pt x="1044000" y="12"/>
                </a:lnTo>
                <a:lnTo>
                  <a:pt x="0" y="0"/>
                </a:lnTo>
                <a:lnTo>
                  <a:pt x="280219" y="266864"/>
                </a:lnTo>
                <a:close/>
              </a:path>
            </a:pathLst>
          </a:cu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96" name="矩形 56">
            <a:extLst>
              <a:ext uri="{FF2B5EF4-FFF2-40B4-BE49-F238E27FC236}">
                <a16:creationId xmlns:a16="http://schemas.microsoft.com/office/drawing/2014/main" id="{3BD30C7A-3835-410E-8CBE-D9C4064A36AE}"/>
              </a:ext>
            </a:extLst>
          </p:cNvPr>
          <p:cNvSpPr/>
          <p:nvPr/>
        </p:nvSpPr>
        <p:spPr>
          <a:xfrm>
            <a:off x="1145100" y="2802169"/>
            <a:ext cx="1044732" cy="263988"/>
          </a:xfrm>
          <a:custGeom>
            <a:avLst/>
            <a:gdLst>
              <a:gd name="connsiteX0" fmla="*/ 0 w 781200"/>
              <a:gd name="connsiteY0" fmla="*/ 0 h 514800"/>
              <a:gd name="connsiteX1" fmla="*/ 781200 w 781200"/>
              <a:gd name="connsiteY1" fmla="*/ 0 h 514800"/>
              <a:gd name="connsiteX2" fmla="*/ 781200 w 781200"/>
              <a:gd name="connsiteY2" fmla="*/ 514800 h 514800"/>
              <a:gd name="connsiteX3" fmla="*/ 0 w 781200"/>
              <a:gd name="connsiteY3" fmla="*/ 514800 h 514800"/>
              <a:gd name="connsiteX4" fmla="*/ 0 w 781200"/>
              <a:gd name="connsiteY4" fmla="*/ 0 h 514800"/>
              <a:gd name="connsiteX0" fmla="*/ 0 w 781200"/>
              <a:gd name="connsiteY0" fmla="*/ 0 h 803787"/>
              <a:gd name="connsiteX1" fmla="*/ 515729 w 781200"/>
              <a:gd name="connsiteY1" fmla="*/ 803787 h 803787"/>
              <a:gd name="connsiteX2" fmla="*/ 781200 w 781200"/>
              <a:gd name="connsiteY2" fmla="*/ 514800 h 803787"/>
              <a:gd name="connsiteX3" fmla="*/ 0 w 781200"/>
              <a:gd name="connsiteY3" fmla="*/ 514800 h 803787"/>
              <a:gd name="connsiteX4" fmla="*/ 0 w 781200"/>
              <a:gd name="connsiteY4" fmla="*/ 0 h 803787"/>
              <a:gd name="connsiteX0" fmla="*/ 0 w 1031922"/>
              <a:gd name="connsiteY0" fmla="*/ 274238 h 288987"/>
              <a:gd name="connsiteX1" fmla="*/ 766451 w 1031922"/>
              <a:gd name="connsiteY1" fmla="*/ 288987 h 288987"/>
              <a:gd name="connsiteX2" fmla="*/ 1031922 w 1031922"/>
              <a:gd name="connsiteY2" fmla="*/ 0 h 288987"/>
              <a:gd name="connsiteX3" fmla="*/ 250722 w 1031922"/>
              <a:gd name="connsiteY3" fmla="*/ 0 h 288987"/>
              <a:gd name="connsiteX4" fmla="*/ 0 w 1031922"/>
              <a:gd name="connsiteY4" fmla="*/ 274238 h 288987"/>
              <a:gd name="connsiteX0" fmla="*/ 0 w 1039296"/>
              <a:gd name="connsiteY0" fmla="*/ 274238 h 288987"/>
              <a:gd name="connsiteX1" fmla="*/ 773825 w 1039296"/>
              <a:gd name="connsiteY1" fmla="*/ 288987 h 288987"/>
              <a:gd name="connsiteX2" fmla="*/ 1039296 w 1039296"/>
              <a:gd name="connsiteY2" fmla="*/ 0 h 288987"/>
              <a:gd name="connsiteX3" fmla="*/ 258096 w 1039296"/>
              <a:gd name="connsiteY3" fmla="*/ 0 h 288987"/>
              <a:gd name="connsiteX4" fmla="*/ 0 w 1039296"/>
              <a:gd name="connsiteY4" fmla="*/ 274238 h 288987"/>
              <a:gd name="connsiteX0" fmla="*/ 0 w 1039296"/>
              <a:gd name="connsiteY0" fmla="*/ 274238 h 303735"/>
              <a:gd name="connsiteX1" fmla="*/ 773825 w 1039296"/>
              <a:gd name="connsiteY1" fmla="*/ 303735 h 303735"/>
              <a:gd name="connsiteX2" fmla="*/ 1039296 w 1039296"/>
              <a:gd name="connsiteY2" fmla="*/ 0 h 303735"/>
              <a:gd name="connsiteX3" fmla="*/ 258096 w 1039296"/>
              <a:gd name="connsiteY3" fmla="*/ 0 h 303735"/>
              <a:gd name="connsiteX4" fmla="*/ 0 w 1039296"/>
              <a:gd name="connsiteY4" fmla="*/ 274238 h 303735"/>
              <a:gd name="connsiteX0" fmla="*/ 0 w 1039296"/>
              <a:gd name="connsiteY0" fmla="*/ 274238 h 296361"/>
              <a:gd name="connsiteX1" fmla="*/ 773825 w 1039296"/>
              <a:gd name="connsiteY1" fmla="*/ 296361 h 296361"/>
              <a:gd name="connsiteX2" fmla="*/ 1039296 w 1039296"/>
              <a:gd name="connsiteY2" fmla="*/ 0 h 296361"/>
              <a:gd name="connsiteX3" fmla="*/ 258096 w 1039296"/>
              <a:gd name="connsiteY3" fmla="*/ 0 h 296361"/>
              <a:gd name="connsiteX4" fmla="*/ 0 w 1039296"/>
              <a:gd name="connsiteY4" fmla="*/ 274238 h 296361"/>
              <a:gd name="connsiteX0" fmla="*/ 0 w 1039296"/>
              <a:gd name="connsiteY0" fmla="*/ 274238 h 288986"/>
              <a:gd name="connsiteX1" fmla="*/ 773825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5697"/>
              <a:gd name="connsiteX1" fmla="*/ 781199 w 1039296"/>
              <a:gd name="connsiteY1" fmla="*/ 285697 h 285697"/>
              <a:gd name="connsiteX2" fmla="*/ 1039296 w 1039296"/>
              <a:gd name="connsiteY2" fmla="*/ 0 h 285697"/>
              <a:gd name="connsiteX3" fmla="*/ 258096 w 1039296"/>
              <a:gd name="connsiteY3" fmla="*/ 0 h 285697"/>
              <a:gd name="connsiteX4" fmla="*/ 0 w 1039296"/>
              <a:gd name="connsiteY4" fmla="*/ 274238 h 285697"/>
              <a:gd name="connsiteX0" fmla="*/ 0 w 1039296"/>
              <a:gd name="connsiteY0" fmla="*/ 274238 h 282408"/>
              <a:gd name="connsiteX1" fmla="*/ 781199 w 1039296"/>
              <a:gd name="connsiteY1" fmla="*/ 282408 h 282408"/>
              <a:gd name="connsiteX2" fmla="*/ 1039296 w 1039296"/>
              <a:gd name="connsiteY2" fmla="*/ 0 h 282408"/>
              <a:gd name="connsiteX3" fmla="*/ 258096 w 1039296"/>
              <a:gd name="connsiteY3" fmla="*/ 0 h 282408"/>
              <a:gd name="connsiteX4" fmla="*/ 0 w 1039296"/>
              <a:gd name="connsiteY4" fmla="*/ 274238 h 282408"/>
              <a:gd name="connsiteX0" fmla="*/ 0 w 1039296"/>
              <a:gd name="connsiteY0" fmla="*/ 274238 h 279118"/>
              <a:gd name="connsiteX1" fmla="*/ 784488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39296"/>
              <a:gd name="connsiteY0" fmla="*/ 274238 h 279118"/>
              <a:gd name="connsiteX1" fmla="*/ 784488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39296"/>
              <a:gd name="connsiteY0" fmla="*/ 274238 h 279118"/>
              <a:gd name="connsiteX1" fmla="*/ 777910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52452"/>
              <a:gd name="connsiteY0" fmla="*/ 277527 h 279118"/>
              <a:gd name="connsiteX1" fmla="*/ 791066 w 1052452"/>
              <a:gd name="connsiteY1" fmla="*/ 279118 h 279118"/>
              <a:gd name="connsiteX2" fmla="*/ 1052452 w 1052452"/>
              <a:gd name="connsiteY2" fmla="*/ 0 h 279118"/>
              <a:gd name="connsiteX3" fmla="*/ 271252 w 1052452"/>
              <a:gd name="connsiteY3" fmla="*/ 0 h 279118"/>
              <a:gd name="connsiteX4" fmla="*/ 0 w 1052452"/>
              <a:gd name="connsiteY4" fmla="*/ 277527 h 279118"/>
              <a:gd name="connsiteX0" fmla="*/ 0 w 1049162"/>
              <a:gd name="connsiteY0" fmla="*/ 277527 h 279118"/>
              <a:gd name="connsiteX1" fmla="*/ 787776 w 1049162"/>
              <a:gd name="connsiteY1" fmla="*/ 279118 h 279118"/>
              <a:gd name="connsiteX2" fmla="*/ 1049162 w 1049162"/>
              <a:gd name="connsiteY2" fmla="*/ 0 h 279118"/>
              <a:gd name="connsiteX3" fmla="*/ 267962 w 1049162"/>
              <a:gd name="connsiteY3" fmla="*/ 0 h 279118"/>
              <a:gd name="connsiteX4" fmla="*/ 0 w 1049162"/>
              <a:gd name="connsiteY4" fmla="*/ 277527 h 279118"/>
              <a:gd name="connsiteX0" fmla="*/ 0 w 1049162"/>
              <a:gd name="connsiteY0" fmla="*/ 277527 h 279118"/>
              <a:gd name="connsiteX1" fmla="*/ 787776 w 1049162"/>
              <a:gd name="connsiteY1" fmla="*/ 279118 h 279118"/>
              <a:gd name="connsiteX2" fmla="*/ 1049162 w 1049162"/>
              <a:gd name="connsiteY2" fmla="*/ 9867 h 279118"/>
              <a:gd name="connsiteX3" fmla="*/ 267962 w 1049162"/>
              <a:gd name="connsiteY3" fmla="*/ 0 h 279118"/>
              <a:gd name="connsiteX4" fmla="*/ 0 w 1049162"/>
              <a:gd name="connsiteY4" fmla="*/ 277527 h 279118"/>
              <a:gd name="connsiteX0" fmla="*/ 0 w 1049162"/>
              <a:gd name="connsiteY0" fmla="*/ 267660 h 269251"/>
              <a:gd name="connsiteX1" fmla="*/ 787776 w 1049162"/>
              <a:gd name="connsiteY1" fmla="*/ 269251 h 269251"/>
              <a:gd name="connsiteX2" fmla="*/ 1049162 w 1049162"/>
              <a:gd name="connsiteY2" fmla="*/ 0 h 269251"/>
              <a:gd name="connsiteX3" fmla="*/ 264658 w 1049162"/>
              <a:gd name="connsiteY3" fmla="*/ 0 h 269251"/>
              <a:gd name="connsiteX4" fmla="*/ 0 w 1049162"/>
              <a:gd name="connsiteY4" fmla="*/ 267660 h 269251"/>
              <a:gd name="connsiteX0" fmla="*/ 0 w 1049162"/>
              <a:gd name="connsiteY0" fmla="*/ 275005 h 275005"/>
              <a:gd name="connsiteX1" fmla="*/ 787776 w 1049162"/>
              <a:gd name="connsiteY1" fmla="*/ 269251 h 275005"/>
              <a:gd name="connsiteX2" fmla="*/ 1049162 w 1049162"/>
              <a:gd name="connsiteY2" fmla="*/ 0 h 275005"/>
              <a:gd name="connsiteX3" fmla="*/ 264658 w 1049162"/>
              <a:gd name="connsiteY3" fmla="*/ 0 h 275005"/>
              <a:gd name="connsiteX4" fmla="*/ 0 w 1049162"/>
              <a:gd name="connsiteY4" fmla="*/ 275005 h 275005"/>
              <a:gd name="connsiteX0" fmla="*/ 0 w 1049162"/>
              <a:gd name="connsiteY0" fmla="*/ 263988 h 269251"/>
              <a:gd name="connsiteX1" fmla="*/ 787776 w 1049162"/>
              <a:gd name="connsiteY1" fmla="*/ 269251 h 269251"/>
              <a:gd name="connsiteX2" fmla="*/ 1049162 w 1049162"/>
              <a:gd name="connsiteY2" fmla="*/ 0 h 269251"/>
              <a:gd name="connsiteX3" fmla="*/ 264658 w 1049162"/>
              <a:gd name="connsiteY3" fmla="*/ 0 h 269251"/>
              <a:gd name="connsiteX4" fmla="*/ 0 w 1049162"/>
              <a:gd name="connsiteY4" fmla="*/ 263988 h 269251"/>
              <a:gd name="connsiteX0" fmla="*/ 0 w 1049162"/>
              <a:gd name="connsiteY0" fmla="*/ 263988 h 265579"/>
              <a:gd name="connsiteX1" fmla="*/ 787776 w 1049162"/>
              <a:gd name="connsiteY1" fmla="*/ 265579 h 265579"/>
              <a:gd name="connsiteX2" fmla="*/ 1049162 w 1049162"/>
              <a:gd name="connsiteY2" fmla="*/ 0 h 265579"/>
              <a:gd name="connsiteX3" fmla="*/ 264658 w 1049162"/>
              <a:gd name="connsiteY3" fmla="*/ 0 h 265579"/>
              <a:gd name="connsiteX4" fmla="*/ 0 w 1049162"/>
              <a:gd name="connsiteY4" fmla="*/ 263988 h 265579"/>
              <a:gd name="connsiteX0" fmla="*/ 0 w 1049162"/>
              <a:gd name="connsiteY0" fmla="*/ 263988 h 265579"/>
              <a:gd name="connsiteX1" fmla="*/ 795152 w 1049162"/>
              <a:gd name="connsiteY1" fmla="*/ 265579 h 265579"/>
              <a:gd name="connsiteX2" fmla="*/ 1049162 w 1049162"/>
              <a:gd name="connsiteY2" fmla="*/ 0 h 265579"/>
              <a:gd name="connsiteX3" fmla="*/ 264658 w 1049162"/>
              <a:gd name="connsiteY3" fmla="*/ 0 h 265579"/>
              <a:gd name="connsiteX4" fmla="*/ 0 w 1049162"/>
              <a:gd name="connsiteY4" fmla="*/ 263988 h 265579"/>
              <a:gd name="connsiteX0" fmla="*/ 0 w 1049162"/>
              <a:gd name="connsiteY0" fmla="*/ 263988 h 263988"/>
              <a:gd name="connsiteX1" fmla="*/ 802529 w 1049162"/>
              <a:gd name="connsiteY1" fmla="*/ 261906 h 263988"/>
              <a:gd name="connsiteX2" fmla="*/ 1049162 w 1049162"/>
              <a:gd name="connsiteY2" fmla="*/ 0 h 263988"/>
              <a:gd name="connsiteX3" fmla="*/ 264658 w 1049162"/>
              <a:gd name="connsiteY3" fmla="*/ 0 h 263988"/>
              <a:gd name="connsiteX4" fmla="*/ 0 w 1049162"/>
              <a:gd name="connsiteY4" fmla="*/ 263988 h 2639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49162" h="263988">
                <a:moveTo>
                  <a:pt x="0" y="263988"/>
                </a:moveTo>
                <a:lnTo>
                  <a:pt x="802529" y="261906"/>
                </a:lnTo>
                <a:lnTo>
                  <a:pt x="1049162" y="0"/>
                </a:lnTo>
                <a:lnTo>
                  <a:pt x="264658" y="0"/>
                </a:lnTo>
                <a:lnTo>
                  <a:pt x="0" y="263988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grpSp>
        <p:nvGrpSpPr>
          <p:cNvPr id="3" name="组合 2">
            <a:extLst>
              <a:ext uri="{FF2B5EF4-FFF2-40B4-BE49-F238E27FC236}">
                <a16:creationId xmlns:a16="http://schemas.microsoft.com/office/drawing/2014/main" id="{DFFF6493-4906-4EFC-9FA6-49E11F8E0847}"/>
              </a:ext>
            </a:extLst>
          </p:cNvPr>
          <p:cNvGrpSpPr/>
          <p:nvPr/>
        </p:nvGrpSpPr>
        <p:grpSpPr>
          <a:xfrm>
            <a:off x="417740" y="2460678"/>
            <a:ext cx="1794100" cy="1654506"/>
            <a:chOff x="417740" y="2460678"/>
            <a:chExt cx="1794100" cy="1654506"/>
          </a:xfrm>
        </p:grpSpPr>
        <p:sp>
          <p:nvSpPr>
            <p:cNvPr id="29" name="Text Box 50">
              <a:extLst>
                <a:ext uri="{FF2B5EF4-FFF2-40B4-BE49-F238E27FC236}">
                  <a16:creationId xmlns:a16="http://schemas.microsoft.com/office/drawing/2014/main" id="{4712207A-C86F-4E85-843C-B533EFD2E28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7740" y="3400983"/>
              <a:ext cx="886685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2000" dirty="0"/>
                <a:t>12cm</a:t>
              </a:r>
            </a:p>
          </p:txBody>
        </p:sp>
        <p:sp>
          <p:nvSpPr>
            <p:cNvPr id="30" name="Text Box 50">
              <a:extLst>
                <a:ext uri="{FF2B5EF4-FFF2-40B4-BE49-F238E27FC236}">
                  <a16:creationId xmlns:a16="http://schemas.microsoft.com/office/drawing/2014/main" id="{6B077C49-5021-47C2-8937-F885650B158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88891" y="2628052"/>
              <a:ext cx="734285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2000" dirty="0"/>
                <a:t>6cm</a:t>
              </a:r>
            </a:p>
          </p:txBody>
        </p:sp>
        <p:sp>
          <p:nvSpPr>
            <p:cNvPr id="31" name="Text Box 50">
              <a:extLst>
                <a:ext uri="{FF2B5EF4-FFF2-40B4-BE49-F238E27FC236}">
                  <a16:creationId xmlns:a16="http://schemas.microsoft.com/office/drawing/2014/main" id="{FE760315-E1D2-4B68-ADCC-EA97FD8E2B1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77555" y="2460678"/>
              <a:ext cx="734285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2000" dirty="0"/>
                <a:t>9cm</a:t>
              </a:r>
            </a:p>
          </p:txBody>
        </p:sp>
        <p:grpSp>
          <p:nvGrpSpPr>
            <p:cNvPr id="116" name="组合 115">
              <a:extLst>
                <a:ext uri="{FF2B5EF4-FFF2-40B4-BE49-F238E27FC236}">
                  <a16:creationId xmlns:a16="http://schemas.microsoft.com/office/drawing/2014/main" id="{CF24EFA3-2CD4-4209-B829-AF476852DEB5}"/>
                </a:ext>
              </a:extLst>
            </p:cNvPr>
            <p:cNvGrpSpPr/>
            <p:nvPr/>
          </p:nvGrpSpPr>
          <p:grpSpPr>
            <a:xfrm>
              <a:off x="1146955" y="2802177"/>
              <a:ext cx="1044738" cy="1313007"/>
              <a:chOff x="7234989" y="5348261"/>
              <a:chExt cx="1044738" cy="1313007"/>
            </a:xfrm>
            <a:noFill/>
          </p:grpSpPr>
          <p:sp>
            <p:nvSpPr>
              <p:cNvPr id="117" name="矩形 56">
                <a:extLst>
                  <a:ext uri="{FF2B5EF4-FFF2-40B4-BE49-F238E27FC236}">
                    <a16:creationId xmlns:a16="http://schemas.microsoft.com/office/drawing/2014/main" id="{BD54B59A-DDCC-406C-AC87-4CBEA71DC70C}"/>
                  </a:ext>
                </a:extLst>
              </p:cNvPr>
              <p:cNvSpPr/>
              <p:nvPr/>
            </p:nvSpPr>
            <p:spPr>
              <a:xfrm>
                <a:off x="7234989" y="5348775"/>
                <a:ext cx="1044732" cy="269251"/>
              </a:xfrm>
              <a:custGeom>
                <a:avLst/>
                <a:gdLst>
                  <a:gd name="connsiteX0" fmla="*/ 0 w 781200"/>
                  <a:gd name="connsiteY0" fmla="*/ 0 h 514800"/>
                  <a:gd name="connsiteX1" fmla="*/ 781200 w 781200"/>
                  <a:gd name="connsiteY1" fmla="*/ 0 h 514800"/>
                  <a:gd name="connsiteX2" fmla="*/ 781200 w 781200"/>
                  <a:gd name="connsiteY2" fmla="*/ 514800 h 514800"/>
                  <a:gd name="connsiteX3" fmla="*/ 0 w 781200"/>
                  <a:gd name="connsiteY3" fmla="*/ 514800 h 514800"/>
                  <a:gd name="connsiteX4" fmla="*/ 0 w 781200"/>
                  <a:gd name="connsiteY4" fmla="*/ 0 h 514800"/>
                  <a:gd name="connsiteX0" fmla="*/ 0 w 781200"/>
                  <a:gd name="connsiteY0" fmla="*/ 0 h 803787"/>
                  <a:gd name="connsiteX1" fmla="*/ 515729 w 781200"/>
                  <a:gd name="connsiteY1" fmla="*/ 803787 h 803787"/>
                  <a:gd name="connsiteX2" fmla="*/ 781200 w 781200"/>
                  <a:gd name="connsiteY2" fmla="*/ 514800 h 803787"/>
                  <a:gd name="connsiteX3" fmla="*/ 0 w 781200"/>
                  <a:gd name="connsiteY3" fmla="*/ 514800 h 803787"/>
                  <a:gd name="connsiteX4" fmla="*/ 0 w 781200"/>
                  <a:gd name="connsiteY4" fmla="*/ 0 h 803787"/>
                  <a:gd name="connsiteX0" fmla="*/ 0 w 1031922"/>
                  <a:gd name="connsiteY0" fmla="*/ 274238 h 288987"/>
                  <a:gd name="connsiteX1" fmla="*/ 766451 w 1031922"/>
                  <a:gd name="connsiteY1" fmla="*/ 288987 h 288987"/>
                  <a:gd name="connsiteX2" fmla="*/ 1031922 w 1031922"/>
                  <a:gd name="connsiteY2" fmla="*/ 0 h 288987"/>
                  <a:gd name="connsiteX3" fmla="*/ 250722 w 1031922"/>
                  <a:gd name="connsiteY3" fmla="*/ 0 h 288987"/>
                  <a:gd name="connsiteX4" fmla="*/ 0 w 1031922"/>
                  <a:gd name="connsiteY4" fmla="*/ 274238 h 288987"/>
                  <a:gd name="connsiteX0" fmla="*/ 0 w 1039296"/>
                  <a:gd name="connsiteY0" fmla="*/ 274238 h 288987"/>
                  <a:gd name="connsiteX1" fmla="*/ 773825 w 1039296"/>
                  <a:gd name="connsiteY1" fmla="*/ 288987 h 288987"/>
                  <a:gd name="connsiteX2" fmla="*/ 1039296 w 1039296"/>
                  <a:gd name="connsiteY2" fmla="*/ 0 h 288987"/>
                  <a:gd name="connsiteX3" fmla="*/ 258096 w 1039296"/>
                  <a:gd name="connsiteY3" fmla="*/ 0 h 288987"/>
                  <a:gd name="connsiteX4" fmla="*/ 0 w 1039296"/>
                  <a:gd name="connsiteY4" fmla="*/ 274238 h 288987"/>
                  <a:gd name="connsiteX0" fmla="*/ 0 w 1039296"/>
                  <a:gd name="connsiteY0" fmla="*/ 274238 h 303735"/>
                  <a:gd name="connsiteX1" fmla="*/ 773825 w 1039296"/>
                  <a:gd name="connsiteY1" fmla="*/ 303735 h 303735"/>
                  <a:gd name="connsiteX2" fmla="*/ 1039296 w 1039296"/>
                  <a:gd name="connsiteY2" fmla="*/ 0 h 303735"/>
                  <a:gd name="connsiteX3" fmla="*/ 258096 w 1039296"/>
                  <a:gd name="connsiteY3" fmla="*/ 0 h 303735"/>
                  <a:gd name="connsiteX4" fmla="*/ 0 w 1039296"/>
                  <a:gd name="connsiteY4" fmla="*/ 274238 h 303735"/>
                  <a:gd name="connsiteX0" fmla="*/ 0 w 1039296"/>
                  <a:gd name="connsiteY0" fmla="*/ 274238 h 296361"/>
                  <a:gd name="connsiteX1" fmla="*/ 773825 w 1039296"/>
                  <a:gd name="connsiteY1" fmla="*/ 296361 h 296361"/>
                  <a:gd name="connsiteX2" fmla="*/ 1039296 w 1039296"/>
                  <a:gd name="connsiteY2" fmla="*/ 0 h 296361"/>
                  <a:gd name="connsiteX3" fmla="*/ 258096 w 1039296"/>
                  <a:gd name="connsiteY3" fmla="*/ 0 h 296361"/>
                  <a:gd name="connsiteX4" fmla="*/ 0 w 1039296"/>
                  <a:gd name="connsiteY4" fmla="*/ 274238 h 296361"/>
                  <a:gd name="connsiteX0" fmla="*/ 0 w 1039296"/>
                  <a:gd name="connsiteY0" fmla="*/ 274238 h 288986"/>
                  <a:gd name="connsiteX1" fmla="*/ 773825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8986"/>
                  <a:gd name="connsiteX1" fmla="*/ 781199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8986"/>
                  <a:gd name="connsiteX1" fmla="*/ 781199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8986"/>
                  <a:gd name="connsiteX1" fmla="*/ 781199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5697"/>
                  <a:gd name="connsiteX1" fmla="*/ 781199 w 1039296"/>
                  <a:gd name="connsiteY1" fmla="*/ 285697 h 285697"/>
                  <a:gd name="connsiteX2" fmla="*/ 1039296 w 1039296"/>
                  <a:gd name="connsiteY2" fmla="*/ 0 h 285697"/>
                  <a:gd name="connsiteX3" fmla="*/ 258096 w 1039296"/>
                  <a:gd name="connsiteY3" fmla="*/ 0 h 285697"/>
                  <a:gd name="connsiteX4" fmla="*/ 0 w 1039296"/>
                  <a:gd name="connsiteY4" fmla="*/ 274238 h 285697"/>
                  <a:gd name="connsiteX0" fmla="*/ 0 w 1039296"/>
                  <a:gd name="connsiteY0" fmla="*/ 274238 h 282408"/>
                  <a:gd name="connsiteX1" fmla="*/ 781199 w 1039296"/>
                  <a:gd name="connsiteY1" fmla="*/ 282408 h 282408"/>
                  <a:gd name="connsiteX2" fmla="*/ 1039296 w 1039296"/>
                  <a:gd name="connsiteY2" fmla="*/ 0 h 282408"/>
                  <a:gd name="connsiteX3" fmla="*/ 258096 w 1039296"/>
                  <a:gd name="connsiteY3" fmla="*/ 0 h 282408"/>
                  <a:gd name="connsiteX4" fmla="*/ 0 w 1039296"/>
                  <a:gd name="connsiteY4" fmla="*/ 274238 h 282408"/>
                  <a:gd name="connsiteX0" fmla="*/ 0 w 1039296"/>
                  <a:gd name="connsiteY0" fmla="*/ 274238 h 279118"/>
                  <a:gd name="connsiteX1" fmla="*/ 784488 w 1039296"/>
                  <a:gd name="connsiteY1" fmla="*/ 279118 h 279118"/>
                  <a:gd name="connsiteX2" fmla="*/ 1039296 w 1039296"/>
                  <a:gd name="connsiteY2" fmla="*/ 0 h 279118"/>
                  <a:gd name="connsiteX3" fmla="*/ 258096 w 1039296"/>
                  <a:gd name="connsiteY3" fmla="*/ 0 h 279118"/>
                  <a:gd name="connsiteX4" fmla="*/ 0 w 1039296"/>
                  <a:gd name="connsiteY4" fmla="*/ 274238 h 279118"/>
                  <a:gd name="connsiteX0" fmla="*/ 0 w 1039296"/>
                  <a:gd name="connsiteY0" fmla="*/ 274238 h 279118"/>
                  <a:gd name="connsiteX1" fmla="*/ 784488 w 1039296"/>
                  <a:gd name="connsiteY1" fmla="*/ 279118 h 279118"/>
                  <a:gd name="connsiteX2" fmla="*/ 1039296 w 1039296"/>
                  <a:gd name="connsiteY2" fmla="*/ 0 h 279118"/>
                  <a:gd name="connsiteX3" fmla="*/ 258096 w 1039296"/>
                  <a:gd name="connsiteY3" fmla="*/ 0 h 279118"/>
                  <a:gd name="connsiteX4" fmla="*/ 0 w 1039296"/>
                  <a:gd name="connsiteY4" fmla="*/ 274238 h 279118"/>
                  <a:gd name="connsiteX0" fmla="*/ 0 w 1039296"/>
                  <a:gd name="connsiteY0" fmla="*/ 274238 h 279118"/>
                  <a:gd name="connsiteX1" fmla="*/ 777910 w 1039296"/>
                  <a:gd name="connsiteY1" fmla="*/ 279118 h 279118"/>
                  <a:gd name="connsiteX2" fmla="*/ 1039296 w 1039296"/>
                  <a:gd name="connsiteY2" fmla="*/ 0 h 279118"/>
                  <a:gd name="connsiteX3" fmla="*/ 258096 w 1039296"/>
                  <a:gd name="connsiteY3" fmla="*/ 0 h 279118"/>
                  <a:gd name="connsiteX4" fmla="*/ 0 w 1039296"/>
                  <a:gd name="connsiteY4" fmla="*/ 274238 h 279118"/>
                  <a:gd name="connsiteX0" fmla="*/ 0 w 1052452"/>
                  <a:gd name="connsiteY0" fmla="*/ 277527 h 279118"/>
                  <a:gd name="connsiteX1" fmla="*/ 791066 w 1052452"/>
                  <a:gd name="connsiteY1" fmla="*/ 279118 h 279118"/>
                  <a:gd name="connsiteX2" fmla="*/ 1052452 w 1052452"/>
                  <a:gd name="connsiteY2" fmla="*/ 0 h 279118"/>
                  <a:gd name="connsiteX3" fmla="*/ 271252 w 1052452"/>
                  <a:gd name="connsiteY3" fmla="*/ 0 h 279118"/>
                  <a:gd name="connsiteX4" fmla="*/ 0 w 1052452"/>
                  <a:gd name="connsiteY4" fmla="*/ 277527 h 279118"/>
                  <a:gd name="connsiteX0" fmla="*/ 0 w 1049162"/>
                  <a:gd name="connsiteY0" fmla="*/ 277527 h 279118"/>
                  <a:gd name="connsiteX1" fmla="*/ 787776 w 1049162"/>
                  <a:gd name="connsiteY1" fmla="*/ 279118 h 279118"/>
                  <a:gd name="connsiteX2" fmla="*/ 1049162 w 1049162"/>
                  <a:gd name="connsiteY2" fmla="*/ 0 h 279118"/>
                  <a:gd name="connsiteX3" fmla="*/ 267962 w 1049162"/>
                  <a:gd name="connsiteY3" fmla="*/ 0 h 279118"/>
                  <a:gd name="connsiteX4" fmla="*/ 0 w 1049162"/>
                  <a:gd name="connsiteY4" fmla="*/ 277527 h 279118"/>
                  <a:gd name="connsiteX0" fmla="*/ 0 w 1049162"/>
                  <a:gd name="connsiteY0" fmla="*/ 277527 h 279118"/>
                  <a:gd name="connsiteX1" fmla="*/ 787776 w 1049162"/>
                  <a:gd name="connsiteY1" fmla="*/ 279118 h 279118"/>
                  <a:gd name="connsiteX2" fmla="*/ 1049162 w 1049162"/>
                  <a:gd name="connsiteY2" fmla="*/ 9867 h 279118"/>
                  <a:gd name="connsiteX3" fmla="*/ 267962 w 1049162"/>
                  <a:gd name="connsiteY3" fmla="*/ 0 h 279118"/>
                  <a:gd name="connsiteX4" fmla="*/ 0 w 1049162"/>
                  <a:gd name="connsiteY4" fmla="*/ 277527 h 279118"/>
                  <a:gd name="connsiteX0" fmla="*/ 0 w 1049162"/>
                  <a:gd name="connsiteY0" fmla="*/ 267660 h 269251"/>
                  <a:gd name="connsiteX1" fmla="*/ 787776 w 1049162"/>
                  <a:gd name="connsiteY1" fmla="*/ 269251 h 269251"/>
                  <a:gd name="connsiteX2" fmla="*/ 1049162 w 1049162"/>
                  <a:gd name="connsiteY2" fmla="*/ 0 h 269251"/>
                  <a:gd name="connsiteX3" fmla="*/ 264658 w 1049162"/>
                  <a:gd name="connsiteY3" fmla="*/ 0 h 269251"/>
                  <a:gd name="connsiteX4" fmla="*/ 0 w 1049162"/>
                  <a:gd name="connsiteY4" fmla="*/ 267660 h 269251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1049162" h="269251">
                    <a:moveTo>
                      <a:pt x="0" y="267660"/>
                    </a:moveTo>
                    <a:lnTo>
                      <a:pt x="787776" y="269251"/>
                    </a:lnTo>
                    <a:lnTo>
                      <a:pt x="1049162" y="0"/>
                    </a:lnTo>
                    <a:lnTo>
                      <a:pt x="264658" y="0"/>
                    </a:lnTo>
                    <a:lnTo>
                      <a:pt x="0" y="267660"/>
                    </a:lnTo>
                    <a:close/>
                  </a:path>
                </a:pathLst>
              </a:custGeom>
              <a:grpFill/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sp>
            <p:nvSpPr>
              <p:cNvPr id="118" name="矩形 117">
                <a:extLst>
                  <a:ext uri="{FF2B5EF4-FFF2-40B4-BE49-F238E27FC236}">
                    <a16:creationId xmlns:a16="http://schemas.microsoft.com/office/drawing/2014/main" id="{2A0DE22E-F2A2-4C1A-A489-E746A0F10AEE}"/>
                  </a:ext>
                </a:extLst>
              </p:cNvPr>
              <p:cNvSpPr/>
              <p:nvPr/>
            </p:nvSpPr>
            <p:spPr>
              <a:xfrm>
                <a:off x="7240573" y="5615981"/>
                <a:ext cx="781200" cy="1044000"/>
              </a:xfrm>
              <a:prstGeom prst="rect">
                <a:avLst/>
              </a:prstGeom>
              <a:grpFill/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sp>
            <p:nvSpPr>
              <p:cNvPr id="119" name="矩形 55">
                <a:extLst>
                  <a:ext uri="{FF2B5EF4-FFF2-40B4-BE49-F238E27FC236}">
                    <a16:creationId xmlns:a16="http://schemas.microsoft.com/office/drawing/2014/main" id="{88B3ED40-4EEB-4D5C-8AC3-A22BC9DE3C16}"/>
                  </a:ext>
                </a:extLst>
              </p:cNvPr>
              <p:cNvSpPr/>
              <p:nvPr/>
            </p:nvSpPr>
            <p:spPr>
              <a:xfrm rot="16200000">
                <a:off x="7494249" y="5875791"/>
                <a:ext cx="1313007" cy="257948"/>
              </a:xfrm>
              <a:custGeom>
                <a:avLst/>
                <a:gdLst>
                  <a:gd name="connsiteX0" fmla="*/ 0 w 1044000"/>
                  <a:gd name="connsiteY0" fmla="*/ 0 h 514800"/>
                  <a:gd name="connsiteX1" fmla="*/ 1044000 w 1044000"/>
                  <a:gd name="connsiteY1" fmla="*/ 0 h 514800"/>
                  <a:gd name="connsiteX2" fmla="*/ 1044000 w 1044000"/>
                  <a:gd name="connsiteY2" fmla="*/ 514800 h 514800"/>
                  <a:gd name="connsiteX3" fmla="*/ 0 w 1044000"/>
                  <a:gd name="connsiteY3" fmla="*/ 514800 h 514800"/>
                  <a:gd name="connsiteX4" fmla="*/ 0 w 1044000"/>
                  <a:gd name="connsiteY4" fmla="*/ 0 h 514800"/>
                  <a:gd name="connsiteX0" fmla="*/ 280219 w 1324219"/>
                  <a:gd name="connsiteY0" fmla="*/ 266864 h 781664"/>
                  <a:gd name="connsiteX1" fmla="*/ 1324219 w 1324219"/>
                  <a:gd name="connsiteY1" fmla="*/ 266864 h 781664"/>
                  <a:gd name="connsiteX2" fmla="*/ 1324219 w 1324219"/>
                  <a:gd name="connsiteY2" fmla="*/ 781664 h 781664"/>
                  <a:gd name="connsiteX3" fmla="*/ 0 w 1324219"/>
                  <a:gd name="connsiteY3" fmla="*/ 0 h 781664"/>
                  <a:gd name="connsiteX4" fmla="*/ 280219 w 1324219"/>
                  <a:gd name="connsiteY4" fmla="*/ 266864 h 7816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36626 w 1324219"/>
                  <a:gd name="connsiteY2" fmla="*/ 7377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36626 w 1324219"/>
                  <a:gd name="connsiteY2" fmla="*/ 7380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29252 w 1324219"/>
                  <a:gd name="connsiteY2" fmla="*/ 9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44000 w 1324219"/>
                  <a:gd name="connsiteY2" fmla="*/ 12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18729"/>
                  <a:gd name="connsiteY0" fmla="*/ 266864 h 266867"/>
                  <a:gd name="connsiteX1" fmla="*/ 1318729 w 1318729"/>
                  <a:gd name="connsiteY1" fmla="*/ 266867 h 266867"/>
                  <a:gd name="connsiteX2" fmla="*/ 1044000 w 1318729"/>
                  <a:gd name="connsiteY2" fmla="*/ 12 h 266867"/>
                  <a:gd name="connsiteX3" fmla="*/ 0 w 1318729"/>
                  <a:gd name="connsiteY3" fmla="*/ 0 h 266867"/>
                  <a:gd name="connsiteX4" fmla="*/ 280219 w 1318729"/>
                  <a:gd name="connsiteY4" fmla="*/ 266864 h 266867"/>
                  <a:gd name="connsiteX0" fmla="*/ 291198 w 1329708"/>
                  <a:gd name="connsiteY0" fmla="*/ 266864 h 266867"/>
                  <a:gd name="connsiteX1" fmla="*/ 1329708 w 1329708"/>
                  <a:gd name="connsiteY1" fmla="*/ 266867 h 266867"/>
                  <a:gd name="connsiteX2" fmla="*/ 1054979 w 1329708"/>
                  <a:gd name="connsiteY2" fmla="*/ 12 h 266867"/>
                  <a:gd name="connsiteX3" fmla="*/ 0 w 1329708"/>
                  <a:gd name="connsiteY3" fmla="*/ 0 h 266867"/>
                  <a:gd name="connsiteX4" fmla="*/ 291198 w 1329708"/>
                  <a:gd name="connsiteY4" fmla="*/ 266864 h 266867"/>
                  <a:gd name="connsiteX0" fmla="*/ 288454 w 1326964"/>
                  <a:gd name="connsiteY0" fmla="*/ 266864 h 266867"/>
                  <a:gd name="connsiteX1" fmla="*/ 1326964 w 1326964"/>
                  <a:gd name="connsiteY1" fmla="*/ 266867 h 266867"/>
                  <a:gd name="connsiteX2" fmla="*/ 1052235 w 1326964"/>
                  <a:gd name="connsiteY2" fmla="*/ 12 h 266867"/>
                  <a:gd name="connsiteX3" fmla="*/ 0 w 1326964"/>
                  <a:gd name="connsiteY3" fmla="*/ 0 h 266867"/>
                  <a:gd name="connsiteX4" fmla="*/ 288454 w 1326964"/>
                  <a:gd name="connsiteY4" fmla="*/ 266864 h 266867"/>
                  <a:gd name="connsiteX0" fmla="*/ 285710 w 1324220"/>
                  <a:gd name="connsiteY0" fmla="*/ 266861 h 266864"/>
                  <a:gd name="connsiteX1" fmla="*/ 1324220 w 1324220"/>
                  <a:gd name="connsiteY1" fmla="*/ 266864 h 266864"/>
                  <a:gd name="connsiteX2" fmla="*/ 1049491 w 1324220"/>
                  <a:gd name="connsiteY2" fmla="*/ 9 h 266864"/>
                  <a:gd name="connsiteX3" fmla="*/ 0 w 1324220"/>
                  <a:gd name="connsiteY3" fmla="*/ 0 h 266864"/>
                  <a:gd name="connsiteX4" fmla="*/ 285710 w 1324220"/>
                  <a:gd name="connsiteY4" fmla="*/ 266861 h 26686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1324220" h="266864">
                    <a:moveTo>
                      <a:pt x="285710" y="266861"/>
                    </a:moveTo>
                    <a:lnTo>
                      <a:pt x="1324220" y="266864"/>
                    </a:lnTo>
                    <a:lnTo>
                      <a:pt x="1049491" y="9"/>
                    </a:lnTo>
                    <a:lnTo>
                      <a:pt x="0" y="0"/>
                    </a:lnTo>
                    <a:lnTo>
                      <a:pt x="285710" y="266861"/>
                    </a:lnTo>
                    <a:close/>
                  </a:path>
                </a:pathLst>
              </a:custGeom>
              <a:grpFill/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</p:grpSp>
      </p:grpSp>
      <p:sp>
        <p:nvSpPr>
          <p:cNvPr id="15" name="文本框 14">
            <a:extLst>
              <a:ext uri="{FF2B5EF4-FFF2-40B4-BE49-F238E27FC236}">
                <a16:creationId xmlns:a16="http://schemas.microsoft.com/office/drawing/2014/main" id="{6868474E-E02A-4C8A-85F9-A82118B0A2A5}"/>
              </a:ext>
            </a:extLst>
          </p:cNvPr>
          <p:cNvSpPr txBox="1"/>
          <p:nvPr/>
        </p:nvSpPr>
        <p:spPr>
          <a:xfrm>
            <a:off x="304031" y="838026"/>
            <a:ext cx="8613545" cy="11726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33.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根據下面的長方體紙盒，在方格紙上畫出該長方體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的摺紙圖樣。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686338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10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10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10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000"/>
                            </p:stCondLst>
                            <p:childTnLst>
                              <p:par>
                                <p:cTn id="26" presetID="0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2.96296E-6 C -0.00208 0.10301 -0.00399 0.20694 -0.00503 0.31111 " pathEditMode="relative" rAng="0" ptsTypes="AA">
                                      <p:cBhvr>
                                        <p:cTn id="27" dur="2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60" y="1555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0"/>
                            </p:stCondLst>
                            <p:childTnLst>
                              <p:par>
                                <p:cTn id="29" presetID="1" presetClass="entr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000"/>
                            </p:stCondLst>
                            <p:childTnLst>
                              <p:par>
                                <p:cTn id="48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2000"/>
                            </p:stCondLst>
                            <p:childTnLst>
                              <p:par>
                                <p:cTn id="51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2000"/>
                            </p:stCondLst>
                            <p:childTnLst>
                              <p:par>
                                <p:cTn id="54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" presetClass="exit" presetSubtype="0" fill="hold" grpId="1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3000"/>
                            </p:stCondLst>
                            <p:childTnLst>
                              <p:par>
                                <p:cTn id="59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3000"/>
                            </p:stCondLst>
                            <p:childTnLst>
                              <p:par>
                                <p:cTn id="62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4000"/>
                            </p:stCondLst>
                            <p:childTnLst>
                              <p:par>
                                <p:cTn id="65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4000"/>
                            </p:stCondLst>
                            <p:childTnLst>
                              <p:par>
                                <p:cTn id="68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5000"/>
                            </p:stCondLst>
                            <p:childTnLst>
                              <p:par>
                                <p:cTn id="71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0"/>
                            </p:stCondLst>
                            <p:childTnLst>
                              <p:par>
                                <p:cTn id="74" presetID="1" presetClass="exit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6000"/>
                            </p:stCondLst>
                            <p:childTnLst>
                              <p:par>
                                <p:cTn id="77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6000"/>
                            </p:stCondLst>
                            <p:childTnLst>
                              <p:par>
                                <p:cTn id="80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7000"/>
                            </p:stCondLst>
                            <p:childTnLst>
                              <p:par>
                                <p:cTn id="83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7000"/>
                            </p:stCondLst>
                            <p:childTnLst>
                              <p:par>
                                <p:cTn id="86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8000"/>
                            </p:stCondLst>
                            <p:childTnLst>
                              <p:par>
                                <p:cTn id="89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8000"/>
                            </p:stCondLst>
                            <p:childTnLst>
                              <p:par>
                                <p:cTn id="92" presetID="1" presetClass="exit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9000"/>
                            </p:stCondLst>
                            <p:childTnLst>
                              <p:par>
                                <p:cTn id="95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9000"/>
                            </p:stCondLst>
                            <p:childTnLst>
                              <p:par>
                                <p:cTn id="98" presetID="1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9000"/>
                            </p:stCondLst>
                            <p:childTnLst>
                              <p:par>
                                <p:cTn id="101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2" grpId="0" animBg="1"/>
      <p:bldP spid="53" grpId="0" animBg="1"/>
      <p:bldP spid="78" grpId="0" animBg="1"/>
      <p:bldP spid="79" grpId="0" animBg="1"/>
      <p:bldP spid="80" grpId="0" animBg="1"/>
      <p:bldP spid="81" grpId="0" animBg="1"/>
      <p:bldP spid="91" grpId="0" animBg="1"/>
      <p:bldP spid="91" grpId="1" animBg="1"/>
      <p:bldP spid="92" grpId="0" animBg="1"/>
      <p:bldP spid="92" grpId="1" animBg="1"/>
      <p:bldP spid="93" grpId="0" animBg="1"/>
      <p:bldP spid="93" grpId="1" animBg="1"/>
      <p:bldP spid="94" grpId="0" animBg="1"/>
      <p:bldP spid="94" grpId="1" animBg="1"/>
      <p:bldP spid="95" grpId="0" animBg="1"/>
      <p:bldP spid="95" grpId="1" animBg="1"/>
      <p:bldP spid="97" grpId="0" animBg="1"/>
      <p:bldP spid="97" grpId="1" animBg="1"/>
      <p:bldP spid="98" grpId="0" animBg="1"/>
      <p:bldP spid="98" grpId="1" animBg="1"/>
      <p:bldP spid="99" grpId="0" animBg="1"/>
      <p:bldP spid="99" grpId="1" animBg="1"/>
      <p:bldP spid="100" grpId="0" animBg="1"/>
      <p:bldP spid="100" grpId="1" animBg="1"/>
      <p:bldP spid="96" grpId="0" animBg="1"/>
      <p:bldP spid="96" grpId="1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文本框 14">
            <a:extLst>
              <a:ext uri="{FF2B5EF4-FFF2-40B4-BE49-F238E27FC236}">
                <a16:creationId xmlns:a16="http://schemas.microsoft.com/office/drawing/2014/main" id="{6868474E-E02A-4C8A-85F9-A82118B0A2A5}"/>
              </a:ext>
            </a:extLst>
          </p:cNvPr>
          <p:cNvSpPr txBox="1"/>
          <p:nvPr/>
        </p:nvSpPr>
        <p:spPr>
          <a:xfrm>
            <a:off x="304031" y="838026"/>
            <a:ext cx="8613545" cy="11726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33.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根據下面的長方體紙盒，在方格紙上畫出該長方體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的摺紙圖樣。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pic>
        <p:nvPicPr>
          <p:cNvPr id="27" name="图片 26">
            <a:extLst>
              <a:ext uri="{FF2B5EF4-FFF2-40B4-BE49-F238E27FC236}">
                <a16:creationId xmlns:a16="http://schemas.microsoft.com/office/drawing/2014/main" id="{130B2E4C-3AD2-4652-A516-399FF52EF3E3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668183" y="1829248"/>
            <a:ext cx="5171786" cy="3435843"/>
          </a:xfrm>
          <a:prstGeom prst="rect">
            <a:avLst/>
          </a:prstGeom>
          <a:ln w="19050">
            <a:noFill/>
          </a:ln>
        </p:spPr>
      </p:pic>
      <p:grpSp>
        <p:nvGrpSpPr>
          <p:cNvPr id="2" name="组合 1">
            <a:extLst>
              <a:ext uri="{FF2B5EF4-FFF2-40B4-BE49-F238E27FC236}">
                <a16:creationId xmlns:a16="http://schemas.microsoft.com/office/drawing/2014/main" id="{37B9FE1C-3446-4472-9134-552452082FE8}"/>
              </a:ext>
            </a:extLst>
          </p:cNvPr>
          <p:cNvGrpSpPr/>
          <p:nvPr/>
        </p:nvGrpSpPr>
        <p:grpSpPr>
          <a:xfrm>
            <a:off x="907426" y="2280283"/>
            <a:ext cx="2593400" cy="2066922"/>
            <a:chOff x="907426" y="2280283"/>
            <a:chExt cx="2593400" cy="2066922"/>
          </a:xfrm>
        </p:grpSpPr>
        <p:sp>
          <p:nvSpPr>
            <p:cNvPr id="78" name="矩形 77">
              <a:extLst>
                <a:ext uri="{FF2B5EF4-FFF2-40B4-BE49-F238E27FC236}">
                  <a16:creationId xmlns:a16="http://schemas.microsoft.com/office/drawing/2014/main" id="{6280465D-68D4-410A-947F-A016DC712F3A}"/>
                </a:ext>
              </a:extLst>
            </p:cNvPr>
            <p:cNvSpPr/>
            <p:nvPr/>
          </p:nvSpPr>
          <p:spPr>
            <a:xfrm>
              <a:off x="1421312" y="2280283"/>
              <a:ext cx="781200" cy="514800"/>
            </a:xfrm>
            <a:prstGeom prst="rect">
              <a:avLst/>
            </a:prstGeom>
            <a:solidFill>
              <a:schemeClr val="accent2"/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79" name="矩形 78">
              <a:extLst>
                <a:ext uri="{FF2B5EF4-FFF2-40B4-BE49-F238E27FC236}">
                  <a16:creationId xmlns:a16="http://schemas.microsoft.com/office/drawing/2014/main" id="{E4F76A61-00F0-466F-8CE5-233671DB2A7D}"/>
                </a:ext>
              </a:extLst>
            </p:cNvPr>
            <p:cNvSpPr/>
            <p:nvPr/>
          </p:nvSpPr>
          <p:spPr>
            <a:xfrm>
              <a:off x="1421678" y="3832405"/>
              <a:ext cx="784523" cy="514800"/>
            </a:xfrm>
            <a:prstGeom prst="rect">
              <a:avLst/>
            </a:prstGeom>
            <a:solidFill>
              <a:schemeClr val="accent2"/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80" name="矩形 79">
              <a:extLst>
                <a:ext uri="{FF2B5EF4-FFF2-40B4-BE49-F238E27FC236}">
                  <a16:creationId xmlns:a16="http://schemas.microsoft.com/office/drawing/2014/main" id="{859D1516-B484-4D88-B224-D88547E5260E}"/>
                </a:ext>
              </a:extLst>
            </p:cNvPr>
            <p:cNvSpPr/>
            <p:nvPr/>
          </p:nvSpPr>
          <p:spPr>
            <a:xfrm rot="16200000">
              <a:off x="642826" y="3063883"/>
              <a:ext cx="1044000" cy="514800"/>
            </a:xfrm>
            <a:prstGeom prst="rect">
              <a:avLst/>
            </a:prstGeom>
            <a:solidFill>
              <a:schemeClr val="accent6">
                <a:lumMod val="40000"/>
                <a:lumOff val="6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81" name="矩形 80">
              <a:extLst>
                <a:ext uri="{FF2B5EF4-FFF2-40B4-BE49-F238E27FC236}">
                  <a16:creationId xmlns:a16="http://schemas.microsoft.com/office/drawing/2014/main" id="{C2E796A3-2A30-410F-A0F1-36E65B17E55D}"/>
                </a:ext>
              </a:extLst>
            </p:cNvPr>
            <p:cNvSpPr/>
            <p:nvPr/>
          </p:nvSpPr>
          <p:spPr>
            <a:xfrm>
              <a:off x="1424571" y="2796895"/>
              <a:ext cx="781200" cy="1044000"/>
            </a:xfrm>
            <a:prstGeom prst="rect">
              <a:avLst/>
            </a:prstGeom>
            <a:solidFill>
              <a:schemeClr val="accent4">
                <a:lumMod val="20000"/>
                <a:lumOff val="8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grpSp>
          <p:nvGrpSpPr>
            <p:cNvPr id="82" name="组合 81">
              <a:extLst>
                <a:ext uri="{FF2B5EF4-FFF2-40B4-BE49-F238E27FC236}">
                  <a16:creationId xmlns:a16="http://schemas.microsoft.com/office/drawing/2014/main" id="{F7B3695C-6DDF-4A41-930D-398A1EE277CC}"/>
                </a:ext>
              </a:extLst>
            </p:cNvPr>
            <p:cNvGrpSpPr/>
            <p:nvPr/>
          </p:nvGrpSpPr>
          <p:grpSpPr>
            <a:xfrm>
              <a:off x="2205603" y="2795083"/>
              <a:ext cx="1295223" cy="1044000"/>
              <a:chOff x="6472301" y="2849270"/>
              <a:chExt cx="1295223" cy="1044000"/>
            </a:xfrm>
          </p:grpSpPr>
          <p:sp>
            <p:nvSpPr>
              <p:cNvPr id="83" name="矩形 82">
                <a:extLst>
                  <a:ext uri="{FF2B5EF4-FFF2-40B4-BE49-F238E27FC236}">
                    <a16:creationId xmlns:a16="http://schemas.microsoft.com/office/drawing/2014/main" id="{EE08CFDD-A3D2-4151-A4D1-99ABB81D7C45}"/>
                  </a:ext>
                </a:extLst>
              </p:cNvPr>
              <p:cNvSpPr/>
              <p:nvPr/>
            </p:nvSpPr>
            <p:spPr>
              <a:xfrm rot="16200000">
                <a:off x="6207701" y="3113870"/>
                <a:ext cx="1044000" cy="514800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sp>
            <p:nvSpPr>
              <p:cNvPr id="84" name="矩形 83">
                <a:extLst>
                  <a:ext uri="{FF2B5EF4-FFF2-40B4-BE49-F238E27FC236}">
                    <a16:creationId xmlns:a16="http://schemas.microsoft.com/office/drawing/2014/main" id="{D34F3672-D0FC-42E1-9C01-223A6A1C71A5}"/>
                  </a:ext>
                </a:extLst>
              </p:cNvPr>
              <p:cNvSpPr/>
              <p:nvPr/>
            </p:nvSpPr>
            <p:spPr>
              <a:xfrm>
                <a:off x="6986324" y="2849270"/>
                <a:ext cx="781200" cy="1044000"/>
              </a:xfrm>
              <a:prstGeom prst="rect">
                <a:avLst/>
              </a:prstGeom>
              <a:solidFill>
                <a:schemeClr val="accent4">
                  <a:lumMod val="20000"/>
                  <a:lumOff val="80000"/>
                </a:schemeClr>
              </a:solidFill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</p:grpSp>
      </p:grpSp>
      <p:sp>
        <p:nvSpPr>
          <p:cNvPr id="29" name="Text Box 50">
            <a:extLst>
              <a:ext uri="{FF2B5EF4-FFF2-40B4-BE49-F238E27FC236}">
                <a16:creationId xmlns:a16="http://schemas.microsoft.com/office/drawing/2014/main" id="{4712207A-C86F-4E85-843C-B533EFD2E28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2925" y="3131645"/>
            <a:ext cx="886685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2000" dirty="0">
                <a:solidFill>
                  <a:srgbClr val="FF00FF"/>
                </a:solidFill>
              </a:rPr>
              <a:t>12cm</a:t>
            </a:r>
          </a:p>
        </p:txBody>
      </p:sp>
      <p:sp>
        <p:nvSpPr>
          <p:cNvPr id="30" name="Text Box 50">
            <a:extLst>
              <a:ext uri="{FF2B5EF4-FFF2-40B4-BE49-F238E27FC236}">
                <a16:creationId xmlns:a16="http://schemas.microsoft.com/office/drawing/2014/main" id="{6B077C49-5021-47C2-8937-F885650B158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35050" y="2286424"/>
            <a:ext cx="734285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2000" dirty="0">
                <a:solidFill>
                  <a:srgbClr val="FF00FF"/>
                </a:solidFill>
              </a:rPr>
              <a:t>6cm</a:t>
            </a:r>
          </a:p>
        </p:txBody>
      </p:sp>
      <p:sp>
        <p:nvSpPr>
          <p:cNvPr id="37" name="Text Box 50">
            <a:extLst>
              <a:ext uri="{FF2B5EF4-FFF2-40B4-BE49-F238E27FC236}">
                <a16:creationId xmlns:a16="http://schemas.microsoft.com/office/drawing/2014/main" id="{584B93AF-21A4-4840-BB96-243018E843D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89079" y="1938069"/>
            <a:ext cx="734285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2000" dirty="0">
                <a:solidFill>
                  <a:srgbClr val="FF00FF"/>
                </a:solidFill>
              </a:rPr>
              <a:t>9cm</a:t>
            </a:r>
          </a:p>
        </p:txBody>
      </p:sp>
      <p:grpSp>
        <p:nvGrpSpPr>
          <p:cNvPr id="39" name="组合 38">
            <a:extLst>
              <a:ext uri="{FF2B5EF4-FFF2-40B4-BE49-F238E27FC236}">
                <a16:creationId xmlns:a16="http://schemas.microsoft.com/office/drawing/2014/main" id="{A451E6BD-3137-4579-9414-58185DCD4C98}"/>
              </a:ext>
            </a:extLst>
          </p:cNvPr>
          <p:cNvGrpSpPr/>
          <p:nvPr/>
        </p:nvGrpSpPr>
        <p:grpSpPr>
          <a:xfrm>
            <a:off x="363747" y="4609186"/>
            <a:ext cx="1794100" cy="1654506"/>
            <a:chOff x="417740" y="2460678"/>
            <a:chExt cx="1794100" cy="1654506"/>
          </a:xfrm>
        </p:grpSpPr>
        <p:sp>
          <p:nvSpPr>
            <p:cNvPr id="40" name="Text Box 50">
              <a:extLst>
                <a:ext uri="{FF2B5EF4-FFF2-40B4-BE49-F238E27FC236}">
                  <a16:creationId xmlns:a16="http://schemas.microsoft.com/office/drawing/2014/main" id="{2E7FE100-A1D8-4848-803F-D1A16D5648F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7740" y="3400983"/>
              <a:ext cx="886685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2000" dirty="0"/>
                <a:t>12cm</a:t>
              </a:r>
            </a:p>
          </p:txBody>
        </p:sp>
        <p:sp>
          <p:nvSpPr>
            <p:cNvPr id="41" name="Text Box 50">
              <a:extLst>
                <a:ext uri="{FF2B5EF4-FFF2-40B4-BE49-F238E27FC236}">
                  <a16:creationId xmlns:a16="http://schemas.microsoft.com/office/drawing/2014/main" id="{1851C8F8-361E-40C2-8D4A-BD814454C40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88891" y="2628052"/>
              <a:ext cx="734285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2000" dirty="0"/>
                <a:t>6cm</a:t>
              </a:r>
            </a:p>
          </p:txBody>
        </p:sp>
        <p:sp>
          <p:nvSpPr>
            <p:cNvPr id="42" name="Text Box 50">
              <a:extLst>
                <a:ext uri="{FF2B5EF4-FFF2-40B4-BE49-F238E27FC236}">
                  <a16:creationId xmlns:a16="http://schemas.microsoft.com/office/drawing/2014/main" id="{F8FBA2C9-A6BA-4399-A7D1-9F8EB967175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77555" y="2460678"/>
              <a:ext cx="734285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2000" dirty="0"/>
                <a:t>9cm</a:t>
              </a:r>
            </a:p>
          </p:txBody>
        </p:sp>
        <p:grpSp>
          <p:nvGrpSpPr>
            <p:cNvPr id="43" name="组合 42">
              <a:extLst>
                <a:ext uri="{FF2B5EF4-FFF2-40B4-BE49-F238E27FC236}">
                  <a16:creationId xmlns:a16="http://schemas.microsoft.com/office/drawing/2014/main" id="{1ECE44B0-2FA7-4AE0-B6E1-1751C0A990DD}"/>
                </a:ext>
              </a:extLst>
            </p:cNvPr>
            <p:cNvGrpSpPr/>
            <p:nvPr/>
          </p:nvGrpSpPr>
          <p:grpSpPr>
            <a:xfrm>
              <a:off x="1146955" y="2802177"/>
              <a:ext cx="1044738" cy="1313007"/>
              <a:chOff x="7234989" y="5348261"/>
              <a:chExt cx="1044738" cy="1313007"/>
            </a:xfrm>
            <a:noFill/>
          </p:grpSpPr>
          <p:sp>
            <p:nvSpPr>
              <p:cNvPr id="44" name="矩形 56">
                <a:extLst>
                  <a:ext uri="{FF2B5EF4-FFF2-40B4-BE49-F238E27FC236}">
                    <a16:creationId xmlns:a16="http://schemas.microsoft.com/office/drawing/2014/main" id="{4880425A-26D0-47A2-A5C8-154D1617F33C}"/>
                  </a:ext>
                </a:extLst>
              </p:cNvPr>
              <p:cNvSpPr/>
              <p:nvPr/>
            </p:nvSpPr>
            <p:spPr>
              <a:xfrm>
                <a:off x="7234989" y="5348775"/>
                <a:ext cx="1044732" cy="269251"/>
              </a:xfrm>
              <a:custGeom>
                <a:avLst/>
                <a:gdLst>
                  <a:gd name="connsiteX0" fmla="*/ 0 w 781200"/>
                  <a:gd name="connsiteY0" fmla="*/ 0 h 514800"/>
                  <a:gd name="connsiteX1" fmla="*/ 781200 w 781200"/>
                  <a:gd name="connsiteY1" fmla="*/ 0 h 514800"/>
                  <a:gd name="connsiteX2" fmla="*/ 781200 w 781200"/>
                  <a:gd name="connsiteY2" fmla="*/ 514800 h 514800"/>
                  <a:gd name="connsiteX3" fmla="*/ 0 w 781200"/>
                  <a:gd name="connsiteY3" fmla="*/ 514800 h 514800"/>
                  <a:gd name="connsiteX4" fmla="*/ 0 w 781200"/>
                  <a:gd name="connsiteY4" fmla="*/ 0 h 514800"/>
                  <a:gd name="connsiteX0" fmla="*/ 0 w 781200"/>
                  <a:gd name="connsiteY0" fmla="*/ 0 h 803787"/>
                  <a:gd name="connsiteX1" fmla="*/ 515729 w 781200"/>
                  <a:gd name="connsiteY1" fmla="*/ 803787 h 803787"/>
                  <a:gd name="connsiteX2" fmla="*/ 781200 w 781200"/>
                  <a:gd name="connsiteY2" fmla="*/ 514800 h 803787"/>
                  <a:gd name="connsiteX3" fmla="*/ 0 w 781200"/>
                  <a:gd name="connsiteY3" fmla="*/ 514800 h 803787"/>
                  <a:gd name="connsiteX4" fmla="*/ 0 w 781200"/>
                  <a:gd name="connsiteY4" fmla="*/ 0 h 803787"/>
                  <a:gd name="connsiteX0" fmla="*/ 0 w 1031922"/>
                  <a:gd name="connsiteY0" fmla="*/ 274238 h 288987"/>
                  <a:gd name="connsiteX1" fmla="*/ 766451 w 1031922"/>
                  <a:gd name="connsiteY1" fmla="*/ 288987 h 288987"/>
                  <a:gd name="connsiteX2" fmla="*/ 1031922 w 1031922"/>
                  <a:gd name="connsiteY2" fmla="*/ 0 h 288987"/>
                  <a:gd name="connsiteX3" fmla="*/ 250722 w 1031922"/>
                  <a:gd name="connsiteY3" fmla="*/ 0 h 288987"/>
                  <a:gd name="connsiteX4" fmla="*/ 0 w 1031922"/>
                  <a:gd name="connsiteY4" fmla="*/ 274238 h 288987"/>
                  <a:gd name="connsiteX0" fmla="*/ 0 w 1039296"/>
                  <a:gd name="connsiteY0" fmla="*/ 274238 h 288987"/>
                  <a:gd name="connsiteX1" fmla="*/ 773825 w 1039296"/>
                  <a:gd name="connsiteY1" fmla="*/ 288987 h 288987"/>
                  <a:gd name="connsiteX2" fmla="*/ 1039296 w 1039296"/>
                  <a:gd name="connsiteY2" fmla="*/ 0 h 288987"/>
                  <a:gd name="connsiteX3" fmla="*/ 258096 w 1039296"/>
                  <a:gd name="connsiteY3" fmla="*/ 0 h 288987"/>
                  <a:gd name="connsiteX4" fmla="*/ 0 w 1039296"/>
                  <a:gd name="connsiteY4" fmla="*/ 274238 h 288987"/>
                  <a:gd name="connsiteX0" fmla="*/ 0 w 1039296"/>
                  <a:gd name="connsiteY0" fmla="*/ 274238 h 303735"/>
                  <a:gd name="connsiteX1" fmla="*/ 773825 w 1039296"/>
                  <a:gd name="connsiteY1" fmla="*/ 303735 h 303735"/>
                  <a:gd name="connsiteX2" fmla="*/ 1039296 w 1039296"/>
                  <a:gd name="connsiteY2" fmla="*/ 0 h 303735"/>
                  <a:gd name="connsiteX3" fmla="*/ 258096 w 1039296"/>
                  <a:gd name="connsiteY3" fmla="*/ 0 h 303735"/>
                  <a:gd name="connsiteX4" fmla="*/ 0 w 1039296"/>
                  <a:gd name="connsiteY4" fmla="*/ 274238 h 303735"/>
                  <a:gd name="connsiteX0" fmla="*/ 0 w 1039296"/>
                  <a:gd name="connsiteY0" fmla="*/ 274238 h 296361"/>
                  <a:gd name="connsiteX1" fmla="*/ 773825 w 1039296"/>
                  <a:gd name="connsiteY1" fmla="*/ 296361 h 296361"/>
                  <a:gd name="connsiteX2" fmla="*/ 1039296 w 1039296"/>
                  <a:gd name="connsiteY2" fmla="*/ 0 h 296361"/>
                  <a:gd name="connsiteX3" fmla="*/ 258096 w 1039296"/>
                  <a:gd name="connsiteY3" fmla="*/ 0 h 296361"/>
                  <a:gd name="connsiteX4" fmla="*/ 0 w 1039296"/>
                  <a:gd name="connsiteY4" fmla="*/ 274238 h 296361"/>
                  <a:gd name="connsiteX0" fmla="*/ 0 w 1039296"/>
                  <a:gd name="connsiteY0" fmla="*/ 274238 h 288986"/>
                  <a:gd name="connsiteX1" fmla="*/ 773825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8986"/>
                  <a:gd name="connsiteX1" fmla="*/ 781199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8986"/>
                  <a:gd name="connsiteX1" fmla="*/ 781199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8986"/>
                  <a:gd name="connsiteX1" fmla="*/ 781199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5697"/>
                  <a:gd name="connsiteX1" fmla="*/ 781199 w 1039296"/>
                  <a:gd name="connsiteY1" fmla="*/ 285697 h 285697"/>
                  <a:gd name="connsiteX2" fmla="*/ 1039296 w 1039296"/>
                  <a:gd name="connsiteY2" fmla="*/ 0 h 285697"/>
                  <a:gd name="connsiteX3" fmla="*/ 258096 w 1039296"/>
                  <a:gd name="connsiteY3" fmla="*/ 0 h 285697"/>
                  <a:gd name="connsiteX4" fmla="*/ 0 w 1039296"/>
                  <a:gd name="connsiteY4" fmla="*/ 274238 h 285697"/>
                  <a:gd name="connsiteX0" fmla="*/ 0 w 1039296"/>
                  <a:gd name="connsiteY0" fmla="*/ 274238 h 282408"/>
                  <a:gd name="connsiteX1" fmla="*/ 781199 w 1039296"/>
                  <a:gd name="connsiteY1" fmla="*/ 282408 h 282408"/>
                  <a:gd name="connsiteX2" fmla="*/ 1039296 w 1039296"/>
                  <a:gd name="connsiteY2" fmla="*/ 0 h 282408"/>
                  <a:gd name="connsiteX3" fmla="*/ 258096 w 1039296"/>
                  <a:gd name="connsiteY3" fmla="*/ 0 h 282408"/>
                  <a:gd name="connsiteX4" fmla="*/ 0 w 1039296"/>
                  <a:gd name="connsiteY4" fmla="*/ 274238 h 282408"/>
                  <a:gd name="connsiteX0" fmla="*/ 0 w 1039296"/>
                  <a:gd name="connsiteY0" fmla="*/ 274238 h 279118"/>
                  <a:gd name="connsiteX1" fmla="*/ 784488 w 1039296"/>
                  <a:gd name="connsiteY1" fmla="*/ 279118 h 279118"/>
                  <a:gd name="connsiteX2" fmla="*/ 1039296 w 1039296"/>
                  <a:gd name="connsiteY2" fmla="*/ 0 h 279118"/>
                  <a:gd name="connsiteX3" fmla="*/ 258096 w 1039296"/>
                  <a:gd name="connsiteY3" fmla="*/ 0 h 279118"/>
                  <a:gd name="connsiteX4" fmla="*/ 0 w 1039296"/>
                  <a:gd name="connsiteY4" fmla="*/ 274238 h 279118"/>
                  <a:gd name="connsiteX0" fmla="*/ 0 w 1039296"/>
                  <a:gd name="connsiteY0" fmla="*/ 274238 h 279118"/>
                  <a:gd name="connsiteX1" fmla="*/ 784488 w 1039296"/>
                  <a:gd name="connsiteY1" fmla="*/ 279118 h 279118"/>
                  <a:gd name="connsiteX2" fmla="*/ 1039296 w 1039296"/>
                  <a:gd name="connsiteY2" fmla="*/ 0 h 279118"/>
                  <a:gd name="connsiteX3" fmla="*/ 258096 w 1039296"/>
                  <a:gd name="connsiteY3" fmla="*/ 0 h 279118"/>
                  <a:gd name="connsiteX4" fmla="*/ 0 w 1039296"/>
                  <a:gd name="connsiteY4" fmla="*/ 274238 h 279118"/>
                  <a:gd name="connsiteX0" fmla="*/ 0 w 1039296"/>
                  <a:gd name="connsiteY0" fmla="*/ 274238 h 279118"/>
                  <a:gd name="connsiteX1" fmla="*/ 777910 w 1039296"/>
                  <a:gd name="connsiteY1" fmla="*/ 279118 h 279118"/>
                  <a:gd name="connsiteX2" fmla="*/ 1039296 w 1039296"/>
                  <a:gd name="connsiteY2" fmla="*/ 0 h 279118"/>
                  <a:gd name="connsiteX3" fmla="*/ 258096 w 1039296"/>
                  <a:gd name="connsiteY3" fmla="*/ 0 h 279118"/>
                  <a:gd name="connsiteX4" fmla="*/ 0 w 1039296"/>
                  <a:gd name="connsiteY4" fmla="*/ 274238 h 279118"/>
                  <a:gd name="connsiteX0" fmla="*/ 0 w 1052452"/>
                  <a:gd name="connsiteY0" fmla="*/ 277527 h 279118"/>
                  <a:gd name="connsiteX1" fmla="*/ 791066 w 1052452"/>
                  <a:gd name="connsiteY1" fmla="*/ 279118 h 279118"/>
                  <a:gd name="connsiteX2" fmla="*/ 1052452 w 1052452"/>
                  <a:gd name="connsiteY2" fmla="*/ 0 h 279118"/>
                  <a:gd name="connsiteX3" fmla="*/ 271252 w 1052452"/>
                  <a:gd name="connsiteY3" fmla="*/ 0 h 279118"/>
                  <a:gd name="connsiteX4" fmla="*/ 0 w 1052452"/>
                  <a:gd name="connsiteY4" fmla="*/ 277527 h 279118"/>
                  <a:gd name="connsiteX0" fmla="*/ 0 w 1049162"/>
                  <a:gd name="connsiteY0" fmla="*/ 277527 h 279118"/>
                  <a:gd name="connsiteX1" fmla="*/ 787776 w 1049162"/>
                  <a:gd name="connsiteY1" fmla="*/ 279118 h 279118"/>
                  <a:gd name="connsiteX2" fmla="*/ 1049162 w 1049162"/>
                  <a:gd name="connsiteY2" fmla="*/ 0 h 279118"/>
                  <a:gd name="connsiteX3" fmla="*/ 267962 w 1049162"/>
                  <a:gd name="connsiteY3" fmla="*/ 0 h 279118"/>
                  <a:gd name="connsiteX4" fmla="*/ 0 w 1049162"/>
                  <a:gd name="connsiteY4" fmla="*/ 277527 h 279118"/>
                  <a:gd name="connsiteX0" fmla="*/ 0 w 1049162"/>
                  <a:gd name="connsiteY0" fmla="*/ 277527 h 279118"/>
                  <a:gd name="connsiteX1" fmla="*/ 787776 w 1049162"/>
                  <a:gd name="connsiteY1" fmla="*/ 279118 h 279118"/>
                  <a:gd name="connsiteX2" fmla="*/ 1049162 w 1049162"/>
                  <a:gd name="connsiteY2" fmla="*/ 9867 h 279118"/>
                  <a:gd name="connsiteX3" fmla="*/ 267962 w 1049162"/>
                  <a:gd name="connsiteY3" fmla="*/ 0 h 279118"/>
                  <a:gd name="connsiteX4" fmla="*/ 0 w 1049162"/>
                  <a:gd name="connsiteY4" fmla="*/ 277527 h 279118"/>
                  <a:gd name="connsiteX0" fmla="*/ 0 w 1049162"/>
                  <a:gd name="connsiteY0" fmla="*/ 267660 h 269251"/>
                  <a:gd name="connsiteX1" fmla="*/ 787776 w 1049162"/>
                  <a:gd name="connsiteY1" fmla="*/ 269251 h 269251"/>
                  <a:gd name="connsiteX2" fmla="*/ 1049162 w 1049162"/>
                  <a:gd name="connsiteY2" fmla="*/ 0 h 269251"/>
                  <a:gd name="connsiteX3" fmla="*/ 264658 w 1049162"/>
                  <a:gd name="connsiteY3" fmla="*/ 0 h 269251"/>
                  <a:gd name="connsiteX4" fmla="*/ 0 w 1049162"/>
                  <a:gd name="connsiteY4" fmla="*/ 267660 h 269251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1049162" h="269251">
                    <a:moveTo>
                      <a:pt x="0" y="267660"/>
                    </a:moveTo>
                    <a:lnTo>
                      <a:pt x="787776" y="269251"/>
                    </a:lnTo>
                    <a:lnTo>
                      <a:pt x="1049162" y="0"/>
                    </a:lnTo>
                    <a:lnTo>
                      <a:pt x="264658" y="0"/>
                    </a:lnTo>
                    <a:lnTo>
                      <a:pt x="0" y="267660"/>
                    </a:lnTo>
                    <a:close/>
                  </a:path>
                </a:pathLst>
              </a:custGeom>
              <a:grpFill/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sp>
            <p:nvSpPr>
              <p:cNvPr id="45" name="矩形 44">
                <a:extLst>
                  <a:ext uri="{FF2B5EF4-FFF2-40B4-BE49-F238E27FC236}">
                    <a16:creationId xmlns:a16="http://schemas.microsoft.com/office/drawing/2014/main" id="{42842DF1-4271-4F81-B4FC-F88ACE697C1B}"/>
                  </a:ext>
                </a:extLst>
              </p:cNvPr>
              <p:cNvSpPr/>
              <p:nvPr/>
            </p:nvSpPr>
            <p:spPr>
              <a:xfrm>
                <a:off x="7240573" y="5615981"/>
                <a:ext cx="781200" cy="1044000"/>
              </a:xfrm>
              <a:prstGeom prst="rect">
                <a:avLst/>
              </a:prstGeom>
              <a:grpFill/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sp>
            <p:nvSpPr>
              <p:cNvPr id="46" name="矩形 55">
                <a:extLst>
                  <a:ext uri="{FF2B5EF4-FFF2-40B4-BE49-F238E27FC236}">
                    <a16:creationId xmlns:a16="http://schemas.microsoft.com/office/drawing/2014/main" id="{FCD12DE6-A6D1-4352-A218-6F8C937CD89B}"/>
                  </a:ext>
                </a:extLst>
              </p:cNvPr>
              <p:cNvSpPr/>
              <p:nvPr/>
            </p:nvSpPr>
            <p:spPr>
              <a:xfrm rot="16200000">
                <a:off x="7494249" y="5875791"/>
                <a:ext cx="1313007" cy="257948"/>
              </a:xfrm>
              <a:custGeom>
                <a:avLst/>
                <a:gdLst>
                  <a:gd name="connsiteX0" fmla="*/ 0 w 1044000"/>
                  <a:gd name="connsiteY0" fmla="*/ 0 h 514800"/>
                  <a:gd name="connsiteX1" fmla="*/ 1044000 w 1044000"/>
                  <a:gd name="connsiteY1" fmla="*/ 0 h 514800"/>
                  <a:gd name="connsiteX2" fmla="*/ 1044000 w 1044000"/>
                  <a:gd name="connsiteY2" fmla="*/ 514800 h 514800"/>
                  <a:gd name="connsiteX3" fmla="*/ 0 w 1044000"/>
                  <a:gd name="connsiteY3" fmla="*/ 514800 h 514800"/>
                  <a:gd name="connsiteX4" fmla="*/ 0 w 1044000"/>
                  <a:gd name="connsiteY4" fmla="*/ 0 h 514800"/>
                  <a:gd name="connsiteX0" fmla="*/ 280219 w 1324219"/>
                  <a:gd name="connsiteY0" fmla="*/ 266864 h 781664"/>
                  <a:gd name="connsiteX1" fmla="*/ 1324219 w 1324219"/>
                  <a:gd name="connsiteY1" fmla="*/ 266864 h 781664"/>
                  <a:gd name="connsiteX2" fmla="*/ 1324219 w 1324219"/>
                  <a:gd name="connsiteY2" fmla="*/ 781664 h 781664"/>
                  <a:gd name="connsiteX3" fmla="*/ 0 w 1324219"/>
                  <a:gd name="connsiteY3" fmla="*/ 0 h 781664"/>
                  <a:gd name="connsiteX4" fmla="*/ 280219 w 1324219"/>
                  <a:gd name="connsiteY4" fmla="*/ 266864 h 7816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36626 w 1324219"/>
                  <a:gd name="connsiteY2" fmla="*/ 7377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36626 w 1324219"/>
                  <a:gd name="connsiteY2" fmla="*/ 7380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29252 w 1324219"/>
                  <a:gd name="connsiteY2" fmla="*/ 9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44000 w 1324219"/>
                  <a:gd name="connsiteY2" fmla="*/ 12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18729"/>
                  <a:gd name="connsiteY0" fmla="*/ 266864 h 266867"/>
                  <a:gd name="connsiteX1" fmla="*/ 1318729 w 1318729"/>
                  <a:gd name="connsiteY1" fmla="*/ 266867 h 266867"/>
                  <a:gd name="connsiteX2" fmla="*/ 1044000 w 1318729"/>
                  <a:gd name="connsiteY2" fmla="*/ 12 h 266867"/>
                  <a:gd name="connsiteX3" fmla="*/ 0 w 1318729"/>
                  <a:gd name="connsiteY3" fmla="*/ 0 h 266867"/>
                  <a:gd name="connsiteX4" fmla="*/ 280219 w 1318729"/>
                  <a:gd name="connsiteY4" fmla="*/ 266864 h 266867"/>
                  <a:gd name="connsiteX0" fmla="*/ 291198 w 1329708"/>
                  <a:gd name="connsiteY0" fmla="*/ 266864 h 266867"/>
                  <a:gd name="connsiteX1" fmla="*/ 1329708 w 1329708"/>
                  <a:gd name="connsiteY1" fmla="*/ 266867 h 266867"/>
                  <a:gd name="connsiteX2" fmla="*/ 1054979 w 1329708"/>
                  <a:gd name="connsiteY2" fmla="*/ 12 h 266867"/>
                  <a:gd name="connsiteX3" fmla="*/ 0 w 1329708"/>
                  <a:gd name="connsiteY3" fmla="*/ 0 h 266867"/>
                  <a:gd name="connsiteX4" fmla="*/ 291198 w 1329708"/>
                  <a:gd name="connsiteY4" fmla="*/ 266864 h 266867"/>
                  <a:gd name="connsiteX0" fmla="*/ 288454 w 1326964"/>
                  <a:gd name="connsiteY0" fmla="*/ 266864 h 266867"/>
                  <a:gd name="connsiteX1" fmla="*/ 1326964 w 1326964"/>
                  <a:gd name="connsiteY1" fmla="*/ 266867 h 266867"/>
                  <a:gd name="connsiteX2" fmla="*/ 1052235 w 1326964"/>
                  <a:gd name="connsiteY2" fmla="*/ 12 h 266867"/>
                  <a:gd name="connsiteX3" fmla="*/ 0 w 1326964"/>
                  <a:gd name="connsiteY3" fmla="*/ 0 h 266867"/>
                  <a:gd name="connsiteX4" fmla="*/ 288454 w 1326964"/>
                  <a:gd name="connsiteY4" fmla="*/ 266864 h 266867"/>
                  <a:gd name="connsiteX0" fmla="*/ 285710 w 1324220"/>
                  <a:gd name="connsiteY0" fmla="*/ 266861 h 266864"/>
                  <a:gd name="connsiteX1" fmla="*/ 1324220 w 1324220"/>
                  <a:gd name="connsiteY1" fmla="*/ 266864 h 266864"/>
                  <a:gd name="connsiteX2" fmla="*/ 1049491 w 1324220"/>
                  <a:gd name="connsiteY2" fmla="*/ 9 h 266864"/>
                  <a:gd name="connsiteX3" fmla="*/ 0 w 1324220"/>
                  <a:gd name="connsiteY3" fmla="*/ 0 h 266864"/>
                  <a:gd name="connsiteX4" fmla="*/ 285710 w 1324220"/>
                  <a:gd name="connsiteY4" fmla="*/ 266861 h 26686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1324220" h="266864">
                    <a:moveTo>
                      <a:pt x="285710" y="266861"/>
                    </a:moveTo>
                    <a:lnTo>
                      <a:pt x="1324220" y="266864"/>
                    </a:lnTo>
                    <a:lnTo>
                      <a:pt x="1049491" y="9"/>
                    </a:lnTo>
                    <a:lnTo>
                      <a:pt x="0" y="0"/>
                    </a:lnTo>
                    <a:lnTo>
                      <a:pt x="285710" y="266861"/>
                    </a:lnTo>
                    <a:close/>
                  </a:path>
                </a:pathLst>
              </a:custGeom>
              <a:grpFill/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</p:grpSp>
      </p:grpSp>
      <p:sp>
        <p:nvSpPr>
          <p:cNvPr id="3" name="矩形 2">
            <a:extLst>
              <a:ext uri="{FF2B5EF4-FFF2-40B4-BE49-F238E27FC236}">
                <a16:creationId xmlns:a16="http://schemas.microsoft.com/office/drawing/2014/main" id="{B134ABE7-38CB-4EC1-B439-73C4F016125F}"/>
              </a:ext>
            </a:extLst>
          </p:cNvPr>
          <p:cNvSpPr/>
          <p:nvPr/>
        </p:nvSpPr>
        <p:spPr>
          <a:xfrm>
            <a:off x="634892" y="4798719"/>
            <a:ext cx="615540" cy="30222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9" name="矩形 48">
            <a:extLst>
              <a:ext uri="{FF2B5EF4-FFF2-40B4-BE49-F238E27FC236}">
                <a16:creationId xmlns:a16="http://schemas.microsoft.com/office/drawing/2014/main" id="{A198DBE3-05B4-4115-888F-1098CBC9A456}"/>
              </a:ext>
            </a:extLst>
          </p:cNvPr>
          <p:cNvSpPr/>
          <p:nvPr/>
        </p:nvSpPr>
        <p:spPr>
          <a:xfrm>
            <a:off x="1424571" y="4630688"/>
            <a:ext cx="713123" cy="30222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0" name="矩形 49">
            <a:extLst>
              <a:ext uri="{FF2B5EF4-FFF2-40B4-BE49-F238E27FC236}">
                <a16:creationId xmlns:a16="http://schemas.microsoft.com/office/drawing/2014/main" id="{65968F98-8F03-40D8-886F-4482A1D93AA0}"/>
              </a:ext>
            </a:extLst>
          </p:cNvPr>
          <p:cNvSpPr/>
          <p:nvPr/>
        </p:nvSpPr>
        <p:spPr>
          <a:xfrm>
            <a:off x="358683" y="5607189"/>
            <a:ext cx="713123" cy="30222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5" name="直接箭头连接符 4">
            <a:extLst>
              <a:ext uri="{FF2B5EF4-FFF2-40B4-BE49-F238E27FC236}">
                <a16:creationId xmlns:a16="http://schemas.microsoft.com/office/drawing/2014/main" id="{1629E0DB-3E1C-4C6C-BEA7-0CF498C71836}"/>
              </a:ext>
            </a:extLst>
          </p:cNvPr>
          <p:cNvCxnSpPr>
            <a:cxnSpLocks/>
          </p:cNvCxnSpPr>
          <p:nvPr/>
        </p:nvCxnSpPr>
        <p:spPr>
          <a:xfrm flipH="1" flipV="1">
            <a:off x="1026326" y="2606533"/>
            <a:ext cx="1" cy="19065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直接箭头连接符 54">
            <a:extLst>
              <a:ext uri="{FF2B5EF4-FFF2-40B4-BE49-F238E27FC236}">
                <a16:creationId xmlns:a16="http://schemas.microsoft.com/office/drawing/2014/main" id="{C7E8CCF5-B86B-4B06-BE7A-F72372C1D501}"/>
              </a:ext>
            </a:extLst>
          </p:cNvPr>
          <p:cNvCxnSpPr>
            <a:cxnSpLocks/>
          </p:cNvCxnSpPr>
          <p:nvPr/>
        </p:nvCxnSpPr>
        <p:spPr>
          <a:xfrm flipH="1">
            <a:off x="1225077" y="2486479"/>
            <a:ext cx="196235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61" name="组合 60">
            <a:extLst>
              <a:ext uri="{FF2B5EF4-FFF2-40B4-BE49-F238E27FC236}">
                <a16:creationId xmlns:a16="http://schemas.microsoft.com/office/drawing/2014/main" id="{E5BE3DD8-C714-4DA6-A164-8F007EBEA523}"/>
              </a:ext>
            </a:extLst>
          </p:cNvPr>
          <p:cNvGrpSpPr/>
          <p:nvPr/>
        </p:nvGrpSpPr>
        <p:grpSpPr>
          <a:xfrm>
            <a:off x="4756882" y="2395539"/>
            <a:ext cx="2587050" cy="2066922"/>
            <a:chOff x="907426" y="2280283"/>
            <a:chExt cx="2587050" cy="2066922"/>
          </a:xfrm>
          <a:noFill/>
        </p:grpSpPr>
        <p:sp>
          <p:nvSpPr>
            <p:cNvPr id="62" name="矩形 61">
              <a:extLst>
                <a:ext uri="{FF2B5EF4-FFF2-40B4-BE49-F238E27FC236}">
                  <a16:creationId xmlns:a16="http://schemas.microsoft.com/office/drawing/2014/main" id="{4525C46E-12FF-4247-A36A-55BA21450CCB}"/>
                </a:ext>
              </a:extLst>
            </p:cNvPr>
            <p:cNvSpPr/>
            <p:nvPr/>
          </p:nvSpPr>
          <p:spPr>
            <a:xfrm>
              <a:off x="1421312" y="2280283"/>
              <a:ext cx="781200" cy="514800"/>
            </a:xfrm>
            <a:prstGeom prst="rect">
              <a:avLst/>
            </a:prstGeom>
            <a:grpFill/>
            <a:ln w="1905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63" name="矩形 62">
              <a:extLst>
                <a:ext uri="{FF2B5EF4-FFF2-40B4-BE49-F238E27FC236}">
                  <a16:creationId xmlns:a16="http://schemas.microsoft.com/office/drawing/2014/main" id="{A2462B7E-FC2E-47CE-8FF7-E89ADDA10A77}"/>
                </a:ext>
              </a:extLst>
            </p:cNvPr>
            <p:cNvSpPr/>
            <p:nvPr/>
          </p:nvSpPr>
          <p:spPr>
            <a:xfrm>
              <a:off x="1421678" y="3832405"/>
              <a:ext cx="784523" cy="514800"/>
            </a:xfrm>
            <a:prstGeom prst="rect">
              <a:avLst/>
            </a:prstGeom>
            <a:grpFill/>
            <a:ln w="1905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64" name="矩形 63">
              <a:extLst>
                <a:ext uri="{FF2B5EF4-FFF2-40B4-BE49-F238E27FC236}">
                  <a16:creationId xmlns:a16="http://schemas.microsoft.com/office/drawing/2014/main" id="{7A4C2C59-D356-43EC-AB52-CBB79F9732B3}"/>
                </a:ext>
              </a:extLst>
            </p:cNvPr>
            <p:cNvSpPr/>
            <p:nvPr/>
          </p:nvSpPr>
          <p:spPr>
            <a:xfrm rot="16200000">
              <a:off x="642826" y="3063883"/>
              <a:ext cx="1044000" cy="514800"/>
            </a:xfrm>
            <a:prstGeom prst="rect">
              <a:avLst/>
            </a:prstGeom>
            <a:grpFill/>
            <a:ln w="1905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65" name="矩形 64">
              <a:extLst>
                <a:ext uri="{FF2B5EF4-FFF2-40B4-BE49-F238E27FC236}">
                  <a16:creationId xmlns:a16="http://schemas.microsoft.com/office/drawing/2014/main" id="{4AC82647-9A28-4913-8B6A-569673080187}"/>
                </a:ext>
              </a:extLst>
            </p:cNvPr>
            <p:cNvSpPr/>
            <p:nvPr/>
          </p:nvSpPr>
          <p:spPr>
            <a:xfrm>
              <a:off x="1418221" y="2796895"/>
              <a:ext cx="781200" cy="1044000"/>
            </a:xfrm>
            <a:prstGeom prst="rect">
              <a:avLst/>
            </a:prstGeom>
            <a:grpFill/>
            <a:ln w="1905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grpSp>
          <p:nvGrpSpPr>
            <p:cNvPr id="66" name="组合 65">
              <a:extLst>
                <a:ext uri="{FF2B5EF4-FFF2-40B4-BE49-F238E27FC236}">
                  <a16:creationId xmlns:a16="http://schemas.microsoft.com/office/drawing/2014/main" id="{78DDE85B-18E7-481E-A80D-59709E406A5D}"/>
                </a:ext>
              </a:extLst>
            </p:cNvPr>
            <p:cNvGrpSpPr/>
            <p:nvPr/>
          </p:nvGrpSpPr>
          <p:grpSpPr>
            <a:xfrm>
              <a:off x="2199253" y="2795083"/>
              <a:ext cx="1295223" cy="1044000"/>
              <a:chOff x="6465951" y="2849270"/>
              <a:chExt cx="1295223" cy="1044000"/>
            </a:xfrm>
            <a:grpFill/>
          </p:grpSpPr>
          <p:sp>
            <p:nvSpPr>
              <p:cNvPr id="67" name="矩形 66">
                <a:extLst>
                  <a:ext uri="{FF2B5EF4-FFF2-40B4-BE49-F238E27FC236}">
                    <a16:creationId xmlns:a16="http://schemas.microsoft.com/office/drawing/2014/main" id="{339659D5-05EE-4F93-8A68-75FDE8196AF6}"/>
                  </a:ext>
                </a:extLst>
              </p:cNvPr>
              <p:cNvSpPr/>
              <p:nvPr/>
            </p:nvSpPr>
            <p:spPr>
              <a:xfrm rot="16200000">
                <a:off x="6201351" y="3113870"/>
                <a:ext cx="1044000" cy="514800"/>
              </a:xfrm>
              <a:prstGeom prst="rect">
                <a:avLst/>
              </a:prstGeom>
              <a:grpFill/>
              <a:ln w="19050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sp>
            <p:nvSpPr>
              <p:cNvPr id="68" name="矩形 67">
                <a:extLst>
                  <a:ext uri="{FF2B5EF4-FFF2-40B4-BE49-F238E27FC236}">
                    <a16:creationId xmlns:a16="http://schemas.microsoft.com/office/drawing/2014/main" id="{DCBD3491-8F40-497E-B4A8-0F1034A27847}"/>
                  </a:ext>
                </a:extLst>
              </p:cNvPr>
              <p:cNvSpPr/>
              <p:nvPr/>
            </p:nvSpPr>
            <p:spPr>
              <a:xfrm>
                <a:off x="6979974" y="2849270"/>
                <a:ext cx="781200" cy="1044000"/>
              </a:xfrm>
              <a:prstGeom prst="rect">
                <a:avLst/>
              </a:prstGeom>
              <a:grpFill/>
              <a:ln w="19050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</p:grpSp>
      </p:grpSp>
      <p:sp>
        <p:nvSpPr>
          <p:cNvPr id="73" name="文本框 72">
            <a:extLst>
              <a:ext uri="{FF2B5EF4-FFF2-40B4-BE49-F238E27FC236}">
                <a16:creationId xmlns:a16="http://schemas.microsoft.com/office/drawing/2014/main" id="{9A9AE159-E07D-4FB0-BD7E-5D20A91A6AD6}"/>
              </a:ext>
            </a:extLst>
          </p:cNvPr>
          <p:cNvSpPr txBox="1"/>
          <p:nvPr/>
        </p:nvSpPr>
        <p:spPr>
          <a:xfrm>
            <a:off x="5435436" y="5295529"/>
            <a:ext cx="304849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00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000" dirty="0">
                <a:solidFill>
                  <a:srgbClr val="FF0000"/>
                </a:solidFill>
                <a:ea typeface="DFKai-SB" panose="03000509000000000000" pitchFamily="65" charset="-120"/>
              </a:rPr>
              <a:t>其他正確答案也可接受</a:t>
            </a:r>
            <a:r>
              <a:rPr lang="en-US" altLang="zh-CN" sz="20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781367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6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20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0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4.44444E-6 L 0.41893 0.01319 " pathEditMode="relative" rAng="0" ptsTypes="AA">
                                      <p:cBhvr>
                                        <p:cTn id="49" dur="20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0937" y="648"/>
                                    </p:animMotion>
                                  </p:childTnLst>
                                </p:cTn>
                              </p:par>
                              <p:par>
                                <p:cTn id="50" presetID="0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61111E-6 -1.48148E-6 L 0.42083 0.01621 " pathEditMode="relative" rAng="0" ptsTypes="AA">
                                      <p:cBhvr>
                                        <p:cTn id="51" dur="2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1042" y="810"/>
                                    </p:animMotion>
                                  </p:childTnLst>
                                </p:cTn>
                              </p:par>
                              <p:par>
                                <p:cTn id="52" presetID="0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434 5.55112E-17 L 0.4217 0.0037 " pathEditMode="relative" rAng="0" ptsTypes="AA">
                                      <p:cBhvr>
                                        <p:cTn id="53" dur="200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1302" y="185"/>
                                    </p:animMotion>
                                  </p:childTnLst>
                                </p:cTn>
                              </p:par>
                              <p:par>
                                <p:cTn id="54" presetID="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38889E-6 0.00255 L 0.43038 0.01875 " pathEditMode="relative" rAng="0" ptsTypes="AA">
                                      <p:cBhvr>
                                        <p:cTn id="55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1510" y="810"/>
                                    </p:animMotion>
                                  </p:childTnLst>
                                </p:cTn>
                              </p:par>
                              <p:par>
                                <p:cTn id="56" presetID="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173 3.7037E-7 L 0.4217 -0.00116 " pathEditMode="relative" rAng="0" ptsTypes="AA">
                                      <p:cBhvr>
                                        <p:cTn id="57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1163" y="-69"/>
                                    </p:animMotion>
                                  </p:childTnLst>
                                </p:cTn>
                              </p:par>
                              <p:par>
                                <p:cTn id="58" presetID="0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39 -0.00162 L 0.42049 0.0169 " pathEditMode="relative" rAng="0" ptsTypes="AA">
                                      <p:cBhvr>
                                        <p:cTn id="59" dur="2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0955" y="92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2000"/>
                            </p:stCondLst>
                            <p:childTnLst>
                              <p:par>
                                <p:cTn id="61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/>
      <p:bldP spid="29" grpId="1"/>
      <p:bldP spid="29" grpId="2"/>
      <p:bldP spid="30" grpId="0"/>
      <p:bldP spid="30" grpId="1"/>
      <p:bldP spid="30" grpId="2"/>
      <p:bldP spid="37" grpId="0"/>
      <p:bldP spid="37" grpId="1"/>
      <p:bldP spid="37" grpId="2"/>
      <p:bldP spid="3" grpId="0" animBg="1"/>
      <p:bldP spid="3" grpId="1" animBg="1"/>
      <p:bldP spid="49" grpId="0" animBg="1"/>
      <p:bldP spid="49" grpId="1" animBg="1"/>
      <p:bldP spid="50" grpId="0" animBg="1"/>
      <p:bldP spid="50" grpId="1" animBg="1"/>
      <p:bldP spid="73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" name="矩形 36">
            <a:extLst>
              <a:ext uri="{FF2B5EF4-FFF2-40B4-BE49-F238E27FC236}">
                <a16:creationId xmlns:a16="http://schemas.microsoft.com/office/drawing/2014/main" id="{A0D28948-2808-4536-B9A2-A31F103F31CE}"/>
              </a:ext>
            </a:extLst>
          </p:cNvPr>
          <p:cNvSpPr/>
          <p:nvPr/>
        </p:nvSpPr>
        <p:spPr>
          <a:xfrm>
            <a:off x="1100858" y="1319552"/>
            <a:ext cx="4969016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4" name="矩形 43">
            <a:extLst>
              <a:ext uri="{FF2B5EF4-FFF2-40B4-BE49-F238E27FC236}">
                <a16:creationId xmlns:a16="http://schemas.microsoft.com/office/drawing/2014/main" id="{85E020D3-ED75-4E6E-9E10-CF1E587A1475}"/>
              </a:ext>
            </a:extLst>
          </p:cNvPr>
          <p:cNvSpPr/>
          <p:nvPr/>
        </p:nvSpPr>
        <p:spPr>
          <a:xfrm>
            <a:off x="6110398" y="1317348"/>
            <a:ext cx="2505329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5" name="矩形 44">
            <a:extLst>
              <a:ext uri="{FF2B5EF4-FFF2-40B4-BE49-F238E27FC236}">
                <a16:creationId xmlns:a16="http://schemas.microsoft.com/office/drawing/2014/main" id="{A1CAD106-520B-4533-8523-A3DB16C9311E}"/>
              </a:ext>
            </a:extLst>
          </p:cNvPr>
          <p:cNvSpPr/>
          <p:nvPr/>
        </p:nvSpPr>
        <p:spPr>
          <a:xfrm>
            <a:off x="1101561" y="1901098"/>
            <a:ext cx="869547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26" name="图片 25">
            <a:extLst>
              <a:ext uri="{FF2B5EF4-FFF2-40B4-BE49-F238E27FC236}">
                <a16:creationId xmlns:a16="http://schemas.microsoft.com/office/drawing/2014/main" id="{20C48193-AC09-4CB9-872A-A5932ED46C76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25717" y="1234502"/>
            <a:ext cx="822960" cy="799997"/>
          </a:xfrm>
          <a:prstGeom prst="rect">
            <a:avLst/>
          </a:prstGeom>
        </p:spPr>
      </p:pic>
      <p:grpSp>
        <p:nvGrpSpPr>
          <p:cNvPr id="2" name="组合 1">
            <a:extLst>
              <a:ext uri="{FF2B5EF4-FFF2-40B4-BE49-F238E27FC236}">
                <a16:creationId xmlns:a16="http://schemas.microsoft.com/office/drawing/2014/main" id="{8BFBBA12-4521-4B3B-8023-F5BC4CF39A2D}"/>
              </a:ext>
            </a:extLst>
          </p:cNvPr>
          <p:cNvGrpSpPr/>
          <p:nvPr/>
        </p:nvGrpSpPr>
        <p:grpSpPr>
          <a:xfrm>
            <a:off x="759472" y="4168844"/>
            <a:ext cx="6586208" cy="874360"/>
            <a:chOff x="803015" y="4130189"/>
            <a:chExt cx="6586208" cy="874360"/>
          </a:xfrm>
        </p:grpSpPr>
        <p:sp>
          <p:nvSpPr>
            <p:cNvPr id="41" name="Text Box 9">
              <a:extLst>
                <a:ext uri="{FF2B5EF4-FFF2-40B4-BE49-F238E27FC236}">
                  <a16:creationId xmlns:a16="http://schemas.microsoft.com/office/drawing/2014/main" id="{78688492-8CB4-4666-87C1-57D64E33621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03015" y="4307356"/>
              <a:ext cx="6586208" cy="45300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lnSpc>
                  <a:spcPts val="3000"/>
                </a:lnSpc>
              </a:pP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整數</a:t>
              </a:r>
              <a:r>
                <a:rPr lang="en-US" altLang="zh-CN" sz="2400" i="1" dirty="0">
                  <a:solidFill>
                    <a:srgbClr val="FF00FF"/>
                  </a:solidFill>
                  <a:ea typeface="DFKai-SB" panose="03000509000000000000" pitchFamily="65" charset="-120"/>
                </a:rPr>
                <a:t>t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漏寫了末尾的</a:t>
              </a:r>
              <a:r>
                <a:rPr lang="zh-CN" altLang="en-US" sz="2400" dirty="0">
                  <a:solidFill>
                    <a:srgbClr val="0000E1"/>
                  </a:solidFill>
                  <a:ea typeface="DFKai-SB" panose="03000509000000000000" pitchFamily="65" charset="-120"/>
                </a:rPr>
                <a:t>一個</a:t>
              </a:r>
              <a:r>
                <a:rPr lang="zh-CN" altLang="zh-CN" sz="2400" dirty="0">
                  <a:solidFill>
                    <a:srgbClr val="0000E1"/>
                  </a:solidFill>
                  <a:ea typeface="DFKai-SB" panose="03000509000000000000" pitchFamily="65" charset="-120"/>
                </a:rPr>
                <a:t>「</a:t>
              </a:r>
              <a:r>
                <a:rPr lang="en-US" altLang="zh-CN" sz="2400" dirty="0">
                  <a:solidFill>
                    <a:srgbClr val="0000E1"/>
                  </a:solidFill>
                  <a:ea typeface="DFKai-SB" panose="03000509000000000000" pitchFamily="65" charset="-120"/>
                </a:rPr>
                <a:t>0</a:t>
              </a:r>
              <a:r>
                <a:rPr lang="zh-CN" altLang="zh-CN" sz="2400" dirty="0">
                  <a:solidFill>
                    <a:srgbClr val="0000E1"/>
                  </a:solidFill>
                  <a:ea typeface="DFKai-SB" panose="03000509000000000000" pitchFamily="65" charset="-120"/>
                </a:rPr>
                <a:t>」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後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是</a:t>
              </a:r>
              <a:r>
                <a:rPr lang="en-US" altLang="zh-CN" sz="2400" i="1" dirty="0">
                  <a:solidFill>
                    <a:srgbClr val="FF00FF"/>
                  </a:solidFill>
                  <a:ea typeface="DFKai-SB" panose="03000509000000000000" pitchFamily="65" charset="-120"/>
                </a:rPr>
                <a:t>t</a:t>
              </a:r>
              <a:r>
                <a:rPr lang="en-US" altLang="zh-CN" sz="24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10 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即  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     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。</a:t>
              </a:r>
              <a:endPara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grpSp>
          <p:nvGrpSpPr>
            <p:cNvPr id="52" name="组合 51">
              <a:extLst>
                <a:ext uri="{FF2B5EF4-FFF2-40B4-BE49-F238E27FC236}">
                  <a16:creationId xmlns:a16="http://schemas.microsoft.com/office/drawing/2014/main" id="{8E7D04EE-ECE5-40E7-8D65-D2DD7DA0B368}"/>
                </a:ext>
              </a:extLst>
            </p:cNvPr>
            <p:cNvGrpSpPr/>
            <p:nvPr/>
          </p:nvGrpSpPr>
          <p:grpSpPr>
            <a:xfrm>
              <a:off x="6467203" y="4130189"/>
              <a:ext cx="716280" cy="874360"/>
              <a:chOff x="5158954" y="5248819"/>
              <a:chExt cx="716280" cy="874360"/>
            </a:xfrm>
          </p:grpSpPr>
          <p:sp>
            <p:nvSpPr>
              <p:cNvPr id="47" name="Text Box 9">
                <a:extLst>
                  <a:ext uri="{FF2B5EF4-FFF2-40B4-BE49-F238E27FC236}">
                    <a16:creationId xmlns:a16="http://schemas.microsoft.com/office/drawing/2014/main" id="{6058B0ED-5899-4B65-AA40-B19AB6184286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353808" y="5248819"/>
                <a:ext cx="381000" cy="47705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>
                  <a:lnSpc>
                    <a:spcPts val="3000"/>
                  </a:lnSpc>
                </a:pPr>
                <a:r>
                  <a:rPr lang="en-US" altLang="zh-CN" sz="2800" i="1" dirty="0">
                    <a:solidFill>
                      <a:srgbClr val="0000E1"/>
                    </a:solidFill>
                    <a:ea typeface="DFKai-SB" panose="03000509000000000000" pitchFamily="65" charset="-120"/>
                  </a:rPr>
                  <a:t>t</a:t>
                </a:r>
                <a:endParaRPr lang="zh-TW" altLang="en-US" sz="2800" dirty="0">
                  <a:solidFill>
                    <a:srgbClr val="0000E1"/>
                  </a:solidFill>
                  <a:ea typeface="DFKai-SB" panose="03000509000000000000" pitchFamily="65" charset="-120"/>
                </a:endParaRPr>
              </a:p>
            </p:txBody>
          </p:sp>
          <p:sp>
            <p:nvSpPr>
              <p:cNvPr id="48" name="Text Box 9">
                <a:extLst>
                  <a:ext uri="{FF2B5EF4-FFF2-40B4-BE49-F238E27FC236}">
                    <a16:creationId xmlns:a16="http://schemas.microsoft.com/office/drawing/2014/main" id="{A8C568B0-50AB-46D6-BE21-1A5F827BE7D8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158954" y="5646125"/>
                <a:ext cx="716280" cy="47705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>
                  <a:lnSpc>
                    <a:spcPts val="3000"/>
                  </a:lnSpc>
                </a:pPr>
                <a:r>
                  <a:rPr lang="en-US" altLang="zh-CN" sz="2800" dirty="0">
                    <a:solidFill>
                      <a:srgbClr val="0000E1"/>
                    </a:solidFill>
                    <a:ea typeface="DFKai-SB" panose="03000509000000000000" pitchFamily="65" charset="-120"/>
                  </a:rPr>
                  <a:t>10</a:t>
                </a:r>
                <a:endParaRPr lang="zh-TW" altLang="en-US" sz="2800" dirty="0">
                  <a:solidFill>
                    <a:srgbClr val="0000E1"/>
                  </a:solidFill>
                  <a:ea typeface="DFKai-SB" panose="03000509000000000000" pitchFamily="65" charset="-120"/>
                </a:endParaRPr>
              </a:p>
            </p:txBody>
          </p:sp>
          <p:cxnSp>
            <p:nvCxnSpPr>
              <p:cNvPr id="50" name="直接连接符 49">
                <a:extLst>
                  <a:ext uri="{FF2B5EF4-FFF2-40B4-BE49-F238E27FC236}">
                    <a16:creationId xmlns:a16="http://schemas.microsoft.com/office/drawing/2014/main" id="{27130C89-4319-4766-8D94-5C3FE2E7F295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5230799" y="5646125"/>
                <a:ext cx="504009" cy="0"/>
              </a:xfrm>
              <a:prstGeom prst="line">
                <a:avLst/>
              </a:prstGeom>
              <a:ln w="28575">
                <a:solidFill>
                  <a:srgbClr val="0000E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grpSp>
        <p:nvGrpSpPr>
          <p:cNvPr id="67" name="组合 66">
            <a:extLst>
              <a:ext uri="{FF2B5EF4-FFF2-40B4-BE49-F238E27FC236}">
                <a16:creationId xmlns:a16="http://schemas.microsoft.com/office/drawing/2014/main" id="{2572DA8F-0F73-4C55-82AD-4E4B2E96C732}"/>
              </a:ext>
            </a:extLst>
          </p:cNvPr>
          <p:cNvGrpSpPr/>
          <p:nvPr/>
        </p:nvGrpSpPr>
        <p:grpSpPr>
          <a:xfrm>
            <a:off x="1819774" y="4879609"/>
            <a:ext cx="716280" cy="874360"/>
            <a:chOff x="4186646" y="5254662"/>
            <a:chExt cx="716280" cy="874360"/>
          </a:xfrm>
        </p:grpSpPr>
        <p:sp>
          <p:nvSpPr>
            <p:cNvPr id="68" name="Text Box 9">
              <a:extLst>
                <a:ext uri="{FF2B5EF4-FFF2-40B4-BE49-F238E27FC236}">
                  <a16:creationId xmlns:a16="http://schemas.microsoft.com/office/drawing/2014/main" id="{E06DEEBA-28EB-4EC0-B054-880A40BCDF2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381500" y="5254662"/>
              <a:ext cx="381000" cy="47705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lnSpc>
                  <a:spcPts val="3000"/>
                </a:lnSpc>
              </a:pPr>
              <a:r>
                <a:rPr lang="en-US" altLang="zh-CN" sz="2800" i="1" dirty="0">
                  <a:solidFill>
                    <a:srgbClr val="0000E1"/>
                  </a:solidFill>
                  <a:ea typeface="DFKai-SB" panose="03000509000000000000" pitchFamily="65" charset="-120"/>
                </a:rPr>
                <a:t>t</a:t>
              </a:r>
              <a:endParaRPr lang="zh-TW" altLang="en-US" sz="2800" dirty="0">
                <a:solidFill>
                  <a:srgbClr val="0000E1"/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69" name="Text Box 9">
              <a:extLst>
                <a:ext uri="{FF2B5EF4-FFF2-40B4-BE49-F238E27FC236}">
                  <a16:creationId xmlns:a16="http://schemas.microsoft.com/office/drawing/2014/main" id="{C5429B4D-04E9-4F45-8544-0611204ECD3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86646" y="5651968"/>
              <a:ext cx="716280" cy="47705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lnSpc>
                  <a:spcPts val="3000"/>
                </a:lnSpc>
              </a:pPr>
              <a:r>
                <a:rPr lang="en-US" altLang="zh-CN" sz="2800" dirty="0">
                  <a:solidFill>
                    <a:srgbClr val="0000E1"/>
                  </a:solidFill>
                  <a:ea typeface="DFKai-SB" panose="03000509000000000000" pitchFamily="65" charset="-120"/>
                </a:rPr>
                <a:t>10</a:t>
              </a:r>
              <a:endParaRPr lang="zh-TW" altLang="en-US" sz="2800" dirty="0">
                <a:solidFill>
                  <a:srgbClr val="0000E1"/>
                </a:solidFill>
                <a:ea typeface="DFKai-SB" panose="03000509000000000000" pitchFamily="65" charset="-120"/>
              </a:endParaRPr>
            </a:p>
          </p:txBody>
        </p:sp>
        <p:cxnSp>
          <p:nvCxnSpPr>
            <p:cNvPr id="70" name="直接连接符 69">
              <a:extLst>
                <a:ext uri="{FF2B5EF4-FFF2-40B4-BE49-F238E27FC236}">
                  <a16:creationId xmlns:a16="http://schemas.microsoft.com/office/drawing/2014/main" id="{1A05E526-C638-4ECC-9B94-8D5716213543}"/>
                </a:ext>
              </a:extLst>
            </p:cNvPr>
            <p:cNvCxnSpPr>
              <a:cxnSpLocks/>
            </p:cNvCxnSpPr>
            <p:nvPr/>
          </p:nvCxnSpPr>
          <p:spPr>
            <a:xfrm>
              <a:off x="4258491" y="5651968"/>
              <a:ext cx="504009" cy="0"/>
            </a:xfrm>
            <a:prstGeom prst="line">
              <a:avLst/>
            </a:prstGeom>
            <a:ln w="28575">
              <a:solidFill>
                <a:srgbClr val="0000E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7" name="组合 76">
            <a:extLst>
              <a:ext uri="{FF2B5EF4-FFF2-40B4-BE49-F238E27FC236}">
                <a16:creationId xmlns:a16="http://schemas.microsoft.com/office/drawing/2014/main" id="{0807ADC7-A5B4-4E26-92E0-40D1C376BC3B}"/>
              </a:ext>
            </a:extLst>
          </p:cNvPr>
          <p:cNvGrpSpPr/>
          <p:nvPr/>
        </p:nvGrpSpPr>
        <p:grpSpPr>
          <a:xfrm>
            <a:off x="2588871" y="2261819"/>
            <a:ext cx="2391251" cy="874360"/>
            <a:chOff x="4774726" y="5334410"/>
            <a:chExt cx="2391251" cy="874360"/>
          </a:xfrm>
        </p:grpSpPr>
        <p:sp>
          <p:nvSpPr>
            <p:cNvPr id="72" name="Text Box 9">
              <a:extLst>
                <a:ext uri="{FF2B5EF4-FFF2-40B4-BE49-F238E27FC236}">
                  <a16:creationId xmlns:a16="http://schemas.microsoft.com/office/drawing/2014/main" id="{0F8BA4A9-E360-4626-8B39-2F3FB827BF2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5350580" y="5493189"/>
              <a:ext cx="1815397" cy="47705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lnSpc>
                  <a:spcPts val="3000"/>
                </a:lnSpc>
              </a:pPr>
              <a:r>
                <a:rPr lang="zh-CN" altLang="zh-CN" sz="2800" dirty="0">
                  <a:solidFill>
                    <a:srgbClr val="FF0000"/>
                  </a:solidFill>
                </a:rPr>
                <a:t>－</a:t>
              </a:r>
              <a:r>
                <a:rPr lang="en-US" altLang="zh-CN" sz="2800" dirty="0">
                  <a:solidFill>
                    <a:srgbClr val="FF0000"/>
                  </a:solidFill>
                </a:rPr>
                <a:t>99 = 10</a:t>
              </a:r>
              <a:endPara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</p:txBody>
        </p:sp>
        <p:grpSp>
          <p:nvGrpSpPr>
            <p:cNvPr id="73" name="组合 72">
              <a:extLst>
                <a:ext uri="{FF2B5EF4-FFF2-40B4-BE49-F238E27FC236}">
                  <a16:creationId xmlns:a16="http://schemas.microsoft.com/office/drawing/2014/main" id="{CCB01204-A0C0-48F1-8A67-093C19FF2B94}"/>
                </a:ext>
              </a:extLst>
            </p:cNvPr>
            <p:cNvGrpSpPr/>
            <p:nvPr/>
          </p:nvGrpSpPr>
          <p:grpSpPr>
            <a:xfrm>
              <a:off x="4774726" y="5334410"/>
              <a:ext cx="716280" cy="874360"/>
              <a:chOff x="4186646" y="5254662"/>
              <a:chExt cx="716280" cy="874360"/>
            </a:xfrm>
          </p:grpSpPr>
          <p:sp>
            <p:nvSpPr>
              <p:cNvPr id="74" name="Text Box 9">
                <a:extLst>
                  <a:ext uri="{FF2B5EF4-FFF2-40B4-BE49-F238E27FC236}">
                    <a16:creationId xmlns:a16="http://schemas.microsoft.com/office/drawing/2014/main" id="{4CE40698-8720-49B0-B470-C99AC043FCDC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4381500" y="5254662"/>
                <a:ext cx="381000" cy="47705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>
                  <a:lnSpc>
                    <a:spcPts val="3000"/>
                  </a:lnSpc>
                </a:pPr>
                <a:r>
                  <a:rPr lang="en-US" altLang="zh-CN" sz="2800" i="1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t</a:t>
                </a:r>
                <a:endParaRPr lang="zh-TW" altLang="en-US" sz="2800" dirty="0">
                  <a:solidFill>
                    <a:srgbClr val="FF0000"/>
                  </a:solidFill>
                  <a:ea typeface="DFKai-SB" panose="03000509000000000000" pitchFamily="65" charset="-120"/>
                </a:endParaRPr>
              </a:p>
            </p:txBody>
          </p:sp>
          <p:sp>
            <p:nvSpPr>
              <p:cNvPr id="75" name="Text Box 9">
                <a:extLst>
                  <a:ext uri="{FF2B5EF4-FFF2-40B4-BE49-F238E27FC236}">
                    <a16:creationId xmlns:a16="http://schemas.microsoft.com/office/drawing/2014/main" id="{D00D154D-B285-4ACB-95C3-45C92E886175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4186646" y="5651968"/>
                <a:ext cx="716280" cy="47705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>
                  <a:lnSpc>
                    <a:spcPts val="3000"/>
                  </a:lnSpc>
                </a:pPr>
                <a:r>
                  <a:rPr lang="en-US" altLang="zh-CN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10</a:t>
                </a:r>
                <a:endParaRPr lang="zh-TW" altLang="en-US" sz="2800" dirty="0">
                  <a:solidFill>
                    <a:srgbClr val="FF0000"/>
                  </a:solidFill>
                  <a:ea typeface="DFKai-SB" panose="03000509000000000000" pitchFamily="65" charset="-120"/>
                </a:endParaRPr>
              </a:p>
            </p:txBody>
          </p:sp>
          <p:cxnSp>
            <p:nvCxnSpPr>
              <p:cNvPr id="76" name="直接连接符 75">
                <a:extLst>
                  <a:ext uri="{FF2B5EF4-FFF2-40B4-BE49-F238E27FC236}">
                    <a16:creationId xmlns:a16="http://schemas.microsoft.com/office/drawing/2014/main" id="{883A77BD-246E-4BE5-9EBD-FD1F100094DA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4258491" y="5651968"/>
                <a:ext cx="504009" cy="0"/>
              </a:xfrm>
              <a:prstGeom prst="line">
                <a:avLst/>
              </a:prstGeom>
              <a:ln w="28575">
                <a:solidFill>
                  <a:srgbClr val="FF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30" name="Text Box 9">
            <a:extLst>
              <a:ext uri="{FF2B5EF4-FFF2-40B4-BE49-F238E27FC236}">
                <a16:creationId xmlns:a16="http://schemas.microsoft.com/office/drawing/2014/main" id="{73C677A7-0CC5-45EF-82C2-D3D8C1A8994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362971" y="5038388"/>
            <a:ext cx="4469181" cy="47705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000"/>
              </a:lnSpc>
            </a:pPr>
            <a:r>
              <a:rPr lang="zh-CN" altLang="zh-CN" sz="2800" dirty="0">
                <a:solidFill>
                  <a:srgbClr val="FF00FF"/>
                </a:solidFill>
              </a:rPr>
              <a:t>－ </a:t>
            </a:r>
            <a:r>
              <a:rPr lang="zh-TW" altLang="en-US" sz="28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最大的兩位數 </a:t>
            </a:r>
            <a:r>
              <a:rPr lang="en-US" altLang="zh-TW" sz="2800" dirty="0">
                <a:solidFill>
                  <a:srgbClr val="FF00FF"/>
                </a:solidFill>
              </a:rPr>
              <a:t>=</a:t>
            </a:r>
            <a:r>
              <a:rPr lang="zh-TW" altLang="en-US" sz="2800" dirty="0">
                <a:solidFill>
                  <a:srgbClr val="FF00FF"/>
                </a:solidFill>
              </a:rPr>
              <a:t> </a:t>
            </a:r>
            <a:r>
              <a:rPr lang="en-US" altLang="zh-TW" sz="2800" dirty="0">
                <a:solidFill>
                  <a:srgbClr val="FF00FF"/>
                </a:solidFill>
              </a:rPr>
              <a:t>10</a:t>
            </a:r>
            <a:endParaRPr lang="en-US" altLang="zh-CN" sz="2800" dirty="0">
              <a:solidFill>
                <a:srgbClr val="FF00FF"/>
              </a:solidFill>
            </a:endParaRPr>
          </a:p>
        </p:txBody>
      </p:sp>
      <p:sp>
        <p:nvSpPr>
          <p:cNvPr id="31" name="Text Box 9">
            <a:extLst>
              <a:ext uri="{FF2B5EF4-FFF2-40B4-BE49-F238E27FC236}">
                <a16:creationId xmlns:a16="http://schemas.microsoft.com/office/drawing/2014/main" id="{BDFD76D1-3EC6-4F4F-A9AE-0E1E038134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69435" y="3202143"/>
            <a:ext cx="8245965" cy="45371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000"/>
              </a:lnSpc>
            </a:pPr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嘗試用具體的數推導出</a:t>
            </a:r>
            <a:r>
              <a:rPr lang="en-US" altLang="zh-TW" sz="2400" i="1" dirty="0">
                <a:solidFill>
                  <a:srgbClr val="0000E1"/>
                </a:solidFill>
                <a:ea typeface="DFKai-SB" panose="03000509000000000000" pitchFamily="65" charset="-120"/>
              </a:rPr>
              <a:t>t</a:t>
            </a:r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和漏寫末尾的一個</a:t>
            </a:r>
            <a:r>
              <a:rPr lang="zh-CN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「</a:t>
            </a:r>
            <a:r>
              <a:rPr lang="en-US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0</a:t>
            </a:r>
            <a:r>
              <a:rPr lang="zh-CN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」</a:t>
            </a:r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後的關係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2" name="Text Box 9">
            <a:extLst>
              <a:ext uri="{FF2B5EF4-FFF2-40B4-BE49-F238E27FC236}">
                <a16:creationId xmlns:a16="http://schemas.microsoft.com/office/drawing/2014/main" id="{A99F5A54-0122-441E-8411-FBDFD7237FD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59472" y="3714161"/>
            <a:ext cx="7856255" cy="45371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000"/>
              </a:lnSpc>
            </a:pPr>
            <a:r>
              <a:rPr lang="en-US" altLang="zh-TW" sz="2400" dirty="0">
                <a:solidFill>
                  <a:srgbClr val="0000E1"/>
                </a:solidFill>
                <a:ea typeface="DFKai-SB" panose="03000509000000000000" pitchFamily="65" charset="-120"/>
              </a:rPr>
              <a:t>20</a:t>
            </a:r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和</a:t>
            </a:r>
            <a:r>
              <a:rPr lang="en-US" altLang="zh-TW" sz="2400" dirty="0">
                <a:solidFill>
                  <a:srgbClr val="0000E1"/>
                </a:solidFill>
                <a:ea typeface="DFKai-SB" panose="03000509000000000000" pitchFamily="65" charset="-120"/>
              </a:rPr>
              <a:t>2</a:t>
            </a:r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，</a:t>
            </a:r>
            <a:r>
              <a:rPr lang="en-US" altLang="zh-TW" sz="2400" dirty="0">
                <a:solidFill>
                  <a:srgbClr val="0000E1"/>
                </a:solidFill>
                <a:ea typeface="DFKai-SB" panose="03000509000000000000" pitchFamily="65" charset="-120"/>
              </a:rPr>
              <a:t>200</a:t>
            </a:r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和</a:t>
            </a:r>
            <a:r>
              <a:rPr lang="en-US" altLang="zh-TW" sz="2400" dirty="0">
                <a:solidFill>
                  <a:srgbClr val="0000E1"/>
                </a:solidFill>
                <a:ea typeface="DFKai-SB" panose="03000509000000000000" pitchFamily="65" charset="-120"/>
              </a:rPr>
              <a:t>20</a:t>
            </a:r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，漏寫末尾的一個</a:t>
            </a:r>
            <a:r>
              <a:rPr lang="zh-CN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「</a:t>
            </a:r>
            <a:r>
              <a:rPr lang="en-US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0</a:t>
            </a:r>
            <a:r>
              <a:rPr lang="zh-CN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」</a:t>
            </a:r>
            <a:r>
              <a:rPr lang="en-US" altLang="zh-TW" sz="2400" dirty="0">
                <a:solidFill>
                  <a:srgbClr val="0000E1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 原數</a:t>
            </a:r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</a:t>
            </a:r>
            <a:r>
              <a:rPr lang="en-US" altLang="zh-TW" sz="2400" dirty="0">
                <a:solidFill>
                  <a:srgbClr val="0000E1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0</a:t>
            </a:r>
            <a:endParaRPr lang="en-US" altLang="zh-TW" sz="2400" dirty="0">
              <a:solidFill>
                <a:srgbClr val="0000E1"/>
              </a:solidFill>
              <a:ea typeface="DFKai-SB" panose="03000509000000000000" pitchFamily="65" charset="-120"/>
            </a:endParaRPr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A151758A-2839-4326-B034-85E5AC9071D2}"/>
              </a:ext>
            </a:extLst>
          </p:cNvPr>
          <p:cNvSpPr txBox="1"/>
          <p:nvPr/>
        </p:nvSpPr>
        <p:spPr>
          <a:xfrm>
            <a:off x="522514" y="1244765"/>
            <a:ext cx="8168640" cy="189077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36.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整數</a:t>
            </a:r>
            <a:r>
              <a:rPr lang="en-US" altLang="zh-CN" sz="2800" i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t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漏寫了末尾的一個</a:t>
            </a:r>
            <a:r>
              <a:rPr lang="zh-CN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「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0</a:t>
            </a:r>
            <a:r>
              <a:rPr lang="zh-CN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」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後比最大的兩位數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  <a:spcAft>
                <a:spcPts val="1200"/>
              </a:spcAft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大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0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寫出一道可以求出</a:t>
            </a:r>
            <a:r>
              <a:rPr lang="en-US" altLang="zh-CN" sz="2800" i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t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的方程。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答案：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_________________      </a:t>
            </a:r>
          </a:p>
        </p:txBody>
      </p:sp>
      <p:grpSp>
        <p:nvGrpSpPr>
          <p:cNvPr id="3" name="组合 2">
            <a:extLst>
              <a:ext uri="{FF2B5EF4-FFF2-40B4-BE49-F238E27FC236}">
                <a16:creationId xmlns:a16="http://schemas.microsoft.com/office/drawing/2014/main" id="{00C600F7-0A30-4C3A-9F49-F522248E0D43}"/>
              </a:ext>
            </a:extLst>
          </p:cNvPr>
          <p:cNvGrpSpPr/>
          <p:nvPr/>
        </p:nvGrpSpPr>
        <p:grpSpPr>
          <a:xfrm>
            <a:off x="1785483" y="5628475"/>
            <a:ext cx="2496958" cy="874360"/>
            <a:chOff x="1785483" y="5628475"/>
            <a:chExt cx="2496958" cy="874360"/>
          </a:xfrm>
        </p:grpSpPr>
        <p:grpSp>
          <p:nvGrpSpPr>
            <p:cNvPr id="33" name="组合 32">
              <a:extLst>
                <a:ext uri="{FF2B5EF4-FFF2-40B4-BE49-F238E27FC236}">
                  <a16:creationId xmlns:a16="http://schemas.microsoft.com/office/drawing/2014/main" id="{2A4DE607-2182-47BC-9B20-9357C323BD57}"/>
                </a:ext>
              </a:extLst>
            </p:cNvPr>
            <p:cNvGrpSpPr/>
            <p:nvPr/>
          </p:nvGrpSpPr>
          <p:grpSpPr>
            <a:xfrm>
              <a:off x="1785483" y="5628475"/>
              <a:ext cx="716280" cy="874360"/>
              <a:chOff x="4186646" y="5254662"/>
              <a:chExt cx="716280" cy="874360"/>
            </a:xfrm>
          </p:grpSpPr>
          <p:sp>
            <p:nvSpPr>
              <p:cNvPr id="34" name="Text Box 9">
                <a:extLst>
                  <a:ext uri="{FF2B5EF4-FFF2-40B4-BE49-F238E27FC236}">
                    <a16:creationId xmlns:a16="http://schemas.microsoft.com/office/drawing/2014/main" id="{5B3B5928-382C-4F0B-A8A3-F29D781DF67D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4381500" y="5254662"/>
                <a:ext cx="381000" cy="47705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>
                  <a:lnSpc>
                    <a:spcPts val="3000"/>
                  </a:lnSpc>
                </a:pPr>
                <a:r>
                  <a:rPr lang="en-US" altLang="zh-CN" sz="2800" i="1" dirty="0">
                    <a:solidFill>
                      <a:srgbClr val="0000E1"/>
                    </a:solidFill>
                    <a:ea typeface="DFKai-SB" panose="03000509000000000000" pitchFamily="65" charset="-120"/>
                  </a:rPr>
                  <a:t>t</a:t>
                </a:r>
                <a:endParaRPr lang="zh-TW" altLang="en-US" sz="2800" dirty="0">
                  <a:solidFill>
                    <a:srgbClr val="0000E1"/>
                  </a:solidFill>
                  <a:ea typeface="DFKai-SB" panose="03000509000000000000" pitchFamily="65" charset="-120"/>
                </a:endParaRPr>
              </a:p>
            </p:txBody>
          </p:sp>
          <p:sp>
            <p:nvSpPr>
              <p:cNvPr id="35" name="Text Box 9">
                <a:extLst>
                  <a:ext uri="{FF2B5EF4-FFF2-40B4-BE49-F238E27FC236}">
                    <a16:creationId xmlns:a16="http://schemas.microsoft.com/office/drawing/2014/main" id="{4333C1D4-0E60-472A-AD6D-BC29A300A959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4186646" y="5651968"/>
                <a:ext cx="716280" cy="47705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>
                  <a:lnSpc>
                    <a:spcPts val="3000"/>
                  </a:lnSpc>
                </a:pPr>
                <a:r>
                  <a:rPr lang="en-US" altLang="zh-CN" sz="2800" dirty="0">
                    <a:solidFill>
                      <a:srgbClr val="0000E1"/>
                    </a:solidFill>
                    <a:ea typeface="DFKai-SB" panose="03000509000000000000" pitchFamily="65" charset="-120"/>
                  </a:rPr>
                  <a:t>10</a:t>
                </a:r>
                <a:endParaRPr lang="zh-TW" altLang="en-US" sz="2800" dirty="0">
                  <a:solidFill>
                    <a:srgbClr val="0000E1"/>
                  </a:solidFill>
                  <a:ea typeface="DFKai-SB" panose="03000509000000000000" pitchFamily="65" charset="-120"/>
                </a:endParaRPr>
              </a:p>
            </p:txBody>
          </p:sp>
          <p:cxnSp>
            <p:nvCxnSpPr>
              <p:cNvPr id="36" name="直接连接符 35">
                <a:extLst>
                  <a:ext uri="{FF2B5EF4-FFF2-40B4-BE49-F238E27FC236}">
                    <a16:creationId xmlns:a16="http://schemas.microsoft.com/office/drawing/2014/main" id="{E88D7B0A-ADEC-4F31-8DC1-741C12005A4C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4258491" y="5651968"/>
                <a:ext cx="504009" cy="0"/>
              </a:xfrm>
              <a:prstGeom prst="line">
                <a:avLst/>
              </a:prstGeom>
              <a:ln w="28575">
                <a:solidFill>
                  <a:srgbClr val="0000E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38" name="Text Box 9">
              <a:extLst>
                <a:ext uri="{FF2B5EF4-FFF2-40B4-BE49-F238E27FC236}">
                  <a16:creationId xmlns:a16="http://schemas.microsoft.com/office/drawing/2014/main" id="{BFED829E-F2B9-48BE-8503-09137795AA9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313485" y="5787253"/>
              <a:ext cx="1968956" cy="47705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lnSpc>
                  <a:spcPts val="3000"/>
                </a:lnSpc>
              </a:pPr>
              <a:r>
                <a:rPr lang="zh-CN" altLang="zh-CN" sz="2800" dirty="0">
                  <a:solidFill>
                    <a:srgbClr val="FF00FF"/>
                  </a:solidFill>
                  <a:cs typeface="Arial" panose="020B0604020202020204" pitchFamily="34" charset="0"/>
                </a:rPr>
                <a:t>－ </a:t>
              </a:r>
              <a:r>
                <a:rPr lang="en-US" altLang="zh-TW" sz="2800" dirty="0">
                  <a:solidFill>
                    <a:srgbClr val="FF00FF"/>
                  </a:solidFill>
                  <a:ea typeface="標楷體" panose="03000509000000000000" pitchFamily="65" charset="-120"/>
                  <a:cs typeface="Arial" panose="020B0604020202020204" pitchFamily="34" charset="0"/>
                </a:rPr>
                <a:t>99</a:t>
              </a:r>
              <a:r>
                <a:rPr lang="zh-TW" altLang="en-US" sz="2800" dirty="0">
                  <a:solidFill>
                    <a:srgbClr val="FF00FF"/>
                  </a:solidFill>
                  <a:ea typeface="標楷體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  <a:cs typeface="Arial" panose="020B0604020202020204" pitchFamily="34" charset="0"/>
                </a:rPr>
                <a:t>=</a:t>
              </a:r>
              <a:r>
                <a:rPr lang="zh-TW" altLang="en-US" sz="2800" dirty="0">
                  <a:solidFill>
                    <a:srgbClr val="FF00FF"/>
                  </a:solidFill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  <a:cs typeface="Arial" panose="020B0604020202020204" pitchFamily="34" charset="0"/>
                </a:rPr>
                <a:t>10</a:t>
              </a:r>
              <a:endParaRPr lang="en-US" altLang="zh-CN" sz="2800" dirty="0">
                <a:solidFill>
                  <a:srgbClr val="FF00FF"/>
                </a:solidFill>
                <a:cs typeface="Arial" panose="020B0604020202020204" pitchFamily="34" charset="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898601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000"/>
                            </p:stCondLst>
                            <p:childTnLst>
                              <p:par>
                                <p:cTn id="3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25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10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7" grpId="0" animBg="1"/>
      <p:bldP spid="37" grpId="1" animBg="1"/>
      <p:bldP spid="44" grpId="0" animBg="1"/>
      <p:bldP spid="44" grpId="1" animBg="1"/>
      <p:bldP spid="44" grpId="2" animBg="1"/>
      <p:bldP spid="44" grpId="3" animBg="1"/>
      <p:bldP spid="45" grpId="0" animBg="1"/>
      <p:bldP spid="45" grpId="1" animBg="1"/>
      <p:bldP spid="30" grpId="0"/>
      <p:bldP spid="30" grpId="1"/>
      <p:bldP spid="31" grpId="0"/>
      <p:bldP spid="31" grpId="1"/>
      <p:bldP spid="32" grpId="0"/>
      <p:bldP spid="32" grpId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5i"/>
  <p:tag name="ISPRING_LMS_API_VERSION" val="SCORM 2004 (4th edition)"/>
  <p:tag name="ISPRING_ULTRA_SCORM_COURCE_TITLE" val="長河小學數學科速效提分試卷"/>
  <p:tag name="ISPRING_ULTRA_SCORM_COURSE_ID" val="C1EC628B-10DE-4B6C-9114-D50392DD3767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5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364790A-5E1A-4016-9348-DCDC0D090A30}:299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9E799CB-8BD1-40B3-8B1C-79F66FCA2D89}:31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E03E171-A3AF-4207-9344-8A089956284D}:32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B3B820E-49EE-480C-8B4D-D3EF624114C0}:322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397</Words>
  <Application>Microsoft Office PowerPoint</Application>
  <PresentationFormat>On-screen Show (4:3)</PresentationFormat>
  <Paragraphs>52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2" baseType="lpstr">
      <vt:lpstr>等线</vt:lpstr>
      <vt:lpstr>DFLiHeiHK-W5</vt:lpstr>
      <vt:lpstr>Lingoes Unicode</vt:lpstr>
      <vt:lpstr>Microsoft YaHei</vt:lpstr>
      <vt:lpstr>標楷體</vt:lpstr>
      <vt:lpstr>Arial</vt:lpstr>
      <vt:lpstr>Calibri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26:31Z</dcterms:modified>
</cp:coreProperties>
</file>